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231"/>
  <workbookPr/>
  <mc:AlternateContent xmlns:mc="http://schemas.openxmlformats.org/markup-compatibility/2006">
    <mc:Choice Requires="x15">
      <x15ac:absPath xmlns:x15ac="http://schemas.microsoft.com/office/spreadsheetml/2010/11/ac" url="C:\Users\s31151\Desktop\OneDrive移行データ\●インボイス関係\"/>
    </mc:Choice>
  </mc:AlternateContent>
  <xr:revisionPtr revIDLastSave="0" documentId="13_ncr:1_{5E870F5B-479E-4F04-8EA0-762F2DC7F259}" xr6:coauthVersionLast="47" xr6:coauthVersionMax="47" xr10:uidLastSave="{00000000-0000-0000-0000-000000000000}"/>
  <bookViews>
    <workbookView xWindow="-15" yWindow="-16320" windowWidth="29040" windowHeight="15840" xr2:uid="{00000000-000D-0000-FFFF-FFFF00000000}"/>
  </bookViews>
  <sheets>
    <sheet name="最終" sheetId="9" r:id="rId1"/>
    <sheet name="記載例" sheetId="7" r:id="rId2"/>
  </sheets>
  <definedNames>
    <definedName name="_xlnm.Print_Area" localSheetId="0">最終!$B$1:$HQ$9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O76" i="9" l="1"/>
  <c r="GO72" i="9"/>
  <c r="EZ84" i="9"/>
  <c r="FN67" i="9"/>
  <c r="FN63" i="9"/>
  <c r="FG32" i="9"/>
  <c r="EL32" i="9"/>
  <c r="CA32" i="9"/>
  <c r="DQ32" i="9" s="1"/>
  <c r="GW32" i="9" l="1"/>
  <c r="GB32" i="9"/>
  <c r="GO80" i="9"/>
  <c r="EZ84" i="7"/>
  <c r="GO76" i="7"/>
  <c r="GO72" i="7"/>
  <c r="GO80" i="7" s="1"/>
  <c r="EL32" i="7"/>
  <c r="CA32" i="7"/>
  <c r="DQ32" i="7" s="1"/>
  <c r="FN63" i="7"/>
  <c r="FN67" i="7"/>
  <c r="FG32" i="7"/>
  <c r="GO84" i="9" l="1"/>
  <c r="S21" i="9" s="1"/>
  <c r="GO84" i="7"/>
  <c r="S21" i="7"/>
  <c r="GW32" i="7"/>
  <c r="GB32" i="7"/>
</calcChain>
</file>

<file path=xl/sharedStrings.xml><?xml version="1.0" encoding="utf-8"?>
<sst xmlns="http://schemas.openxmlformats.org/spreadsheetml/2006/main" count="233" uniqueCount="103">
  <si>
    <t>住所</t>
    <rPh sb="0" eb="2">
      <t>ジュウショ</t>
    </rPh>
    <phoneticPr fontId="6"/>
  </si>
  <si>
    <t>御中</t>
    <rPh sb="0" eb="2">
      <t>オンチュウ</t>
    </rPh>
    <phoneticPr fontId="6"/>
  </si>
  <si>
    <t>名称</t>
    <rPh sb="0" eb="2">
      <t>メイショウ</t>
    </rPh>
    <phoneticPr fontId="6"/>
  </si>
  <si>
    <t>請求年月日</t>
    <rPh sb="0" eb="2">
      <t>セイキュウ</t>
    </rPh>
    <rPh sb="2" eb="5">
      <t>ネンガッピ</t>
    </rPh>
    <phoneticPr fontId="6"/>
  </si>
  <si>
    <t>西暦</t>
    <rPh sb="0" eb="2">
      <t>セイレキ</t>
    </rPh>
    <phoneticPr fontId="6"/>
  </si>
  <si>
    <t>年</t>
    <rPh sb="0" eb="1">
      <t>ネン</t>
    </rPh>
    <phoneticPr fontId="6"/>
  </si>
  <si>
    <t>月</t>
    <rPh sb="0" eb="1">
      <t>ガツ</t>
    </rPh>
    <phoneticPr fontId="6"/>
  </si>
  <si>
    <t>日</t>
    <rPh sb="0" eb="1">
      <t>ニチ</t>
    </rPh>
    <phoneticPr fontId="6"/>
  </si>
  <si>
    <t>工事ＣＤ</t>
    <rPh sb="0" eb="2">
      <t>コウジ</t>
    </rPh>
    <phoneticPr fontId="6"/>
  </si>
  <si>
    <t>担当者</t>
    <rPh sb="0" eb="3">
      <t>タントウシャ</t>
    </rPh>
    <phoneticPr fontId="6"/>
  </si>
  <si>
    <t>代表者氏名</t>
    <rPh sb="0" eb="3">
      <t>ダイヒョウシャ</t>
    </rPh>
    <rPh sb="3" eb="5">
      <t>シメイ</t>
    </rPh>
    <phoneticPr fontId="6"/>
  </si>
  <si>
    <t>㊞</t>
    <phoneticPr fontId="6"/>
  </si>
  <si>
    <t>請求金額
〔税込〕</t>
    <rPh sb="0" eb="2">
      <t>セイキュウ</t>
    </rPh>
    <rPh sb="2" eb="4">
      <t>キンガク</t>
    </rPh>
    <rPh sb="6" eb="8">
      <t>ゼイコ</t>
    </rPh>
    <phoneticPr fontId="6"/>
  </si>
  <si>
    <t>円</t>
    <rPh sb="0" eb="1">
      <t>エン</t>
    </rPh>
    <phoneticPr fontId="6"/>
  </si>
  <si>
    <t>工事名</t>
    <rPh sb="0" eb="2">
      <t>コウジ</t>
    </rPh>
    <rPh sb="2" eb="3">
      <t>メイ</t>
    </rPh>
    <phoneticPr fontId="6"/>
  </si>
  <si>
    <t>電話番号</t>
    <rPh sb="0" eb="2">
      <t>デンワ</t>
    </rPh>
    <rPh sb="2" eb="4">
      <t>バンゴウ</t>
    </rPh>
    <phoneticPr fontId="6"/>
  </si>
  <si>
    <t>（</t>
    <phoneticPr fontId="6"/>
  </si>
  <si>
    <t>※『契 約』の場合は、この欄にもご記入下さい。（金額はすべて税抜）</t>
    <rPh sb="2" eb="3">
      <t>チギリ</t>
    </rPh>
    <rPh sb="4" eb="5">
      <t>ヤク</t>
    </rPh>
    <rPh sb="7" eb="9">
      <t>バアイ</t>
    </rPh>
    <rPh sb="13" eb="14">
      <t>ラン</t>
    </rPh>
    <rPh sb="17" eb="19">
      <t>キニュウ</t>
    </rPh>
    <rPh sb="19" eb="20">
      <t>クダ</t>
    </rPh>
    <rPh sb="24" eb="26">
      <t>キンガク</t>
    </rPh>
    <rPh sb="30" eb="31">
      <t>ゼイ</t>
    </rPh>
    <rPh sb="31" eb="32">
      <t>ヌ</t>
    </rPh>
    <phoneticPr fontId="6"/>
  </si>
  <si>
    <t>契約</t>
    <rPh sb="0" eb="2">
      <t>ケイヤク</t>
    </rPh>
    <phoneticPr fontId="6"/>
  </si>
  <si>
    <t>単価契約</t>
    <rPh sb="0" eb="2">
      <t>タンカ</t>
    </rPh>
    <rPh sb="2" eb="4">
      <t>ケイヤク</t>
    </rPh>
    <phoneticPr fontId="6"/>
  </si>
  <si>
    <t>契約外</t>
    <rPh sb="0" eb="2">
      <t>ケイヤク</t>
    </rPh>
    <rPh sb="2" eb="3">
      <t>ガイ</t>
    </rPh>
    <phoneticPr fontId="6"/>
  </si>
  <si>
    <t>注文書番号</t>
    <rPh sb="0" eb="2">
      <t>チュウモン</t>
    </rPh>
    <rPh sb="2" eb="3">
      <t>ショ</t>
    </rPh>
    <rPh sb="3" eb="5">
      <t>バンゴウ</t>
    </rPh>
    <phoneticPr fontId="6"/>
  </si>
  <si>
    <t>発注区分</t>
    <rPh sb="0" eb="2">
      <t>ハッチュウ</t>
    </rPh>
    <rPh sb="2" eb="4">
      <t>クブン</t>
    </rPh>
    <phoneticPr fontId="6"/>
  </si>
  <si>
    <t>契約金額</t>
    <rPh sb="0" eb="2">
      <t>ケイヤク</t>
    </rPh>
    <rPh sb="2" eb="4">
      <t>キンガク</t>
    </rPh>
    <phoneticPr fontId="6"/>
  </si>
  <si>
    <t>契約減額</t>
    <rPh sb="0" eb="2">
      <t>ケイヤク</t>
    </rPh>
    <rPh sb="2" eb="4">
      <t>ゲンガク</t>
    </rPh>
    <phoneticPr fontId="6"/>
  </si>
  <si>
    <t>契約金額計</t>
    <rPh sb="0" eb="2">
      <t>ケイヤク</t>
    </rPh>
    <rPh sb="2" eb="4">
      <t>キンガク</t>
    </rPh>
    <rPh sb="4" eb="5">
      <t>ケイ</t>
    </rPh>
    <phoneticPr fontId="6"/>
  </si>
  <si>
    <t>当月末出来高累計額</t>
    <rPh sb="0" eb="2">
      <t>トウゲツ</t>
    </rPh>
    <rPh sb="2" eb="3">
      <t>マツ</t>
    </rPh>
    <rPh sb="3" eb="6">
      <t>デキダカ</t>
    </rPh>
    <rPh sb="6" eb="8">
      <t>ルイケイ</t>
    </rPh>
    <rPh sb="8" eb="9">
      <t>ガク</t>
    </rPh>
    <phoneticPr fontId="6"/>
  </si>
  <si>
    <t>前月迄出来高累計額</t>
    <rPh sb="0" eb="2">
      <t>ゼンゲツ</t>
    </rPh>
    <rPh sb="2" eb="3">
      <t>マデ</t>
    </rPh>
    <rPh sb="3" eb="6">
      <t>デキダカ</t>
    </rPh>
    <rPh sb="6" eb="9">
      <t>ルイケイガク</t>
    </rPh>
    <phoneticPr fontId="6"/>
  </si>
  <si>
    <t>今回請求金額</t>
    <rPh sb="0" eb="2">
      <t>コンカイ</t>
    </rPh>
    <rPh sb="2" eb="4">
      <t>セイキュウ</t>
    </rPh>
    <rPh sb="4" eb="6">
      <t>キンガク</t>
    </rPh>
    <phoneticPr fontId="6"/>
  </si>
  <si>
    <t>契約残額</t>
    <rPh sb="0" eb="2">
      <t>ケイヤク</t>
    </rPh>
    <rPh sb="2" eb="4">
      <t>ザンガク</t>
    </rPh>
    <phoneticPr fontId="6"/>
  </si>
  <si>
    <t>(Ａ)</t>
    <phoneticPr fontId="6"/>
  </si>
  <si>
    <t>(Ｂ)</t>
    <phoneticPr fontId="6"/>
  </si>
  <si>
    <t>(Ｃ)＝(Ａ)＋(Ｂ)</t>
    <phoneticPr fontId="6"/>
  </si>
  <si>
    <t>(Ｄ)</t>
    <phoneticPr fontId="6"/>
  </si>
  <si>
    <t>(Ｅ)</t>
    <phoneticPr fontId="6"/>
  </si>
  <si>
    <t>(Ｆ)＝(Ｄ)－(Ｅ)</t>
    <phoneticPr fontId="6"/>
  </si>
  <si>
    <t>(Ｇ)＝(Ｃ)－(Ｄ)</t>
    <phoneticPr fontId="6"/>
  </si>
  <si>
    <t>〔該当欄に○〕</t>
    <rPh sb="1" eb="3">
      <t>ガイトウ</t>
    </rPh>
    <rPh sb="3" eb="4">
      <t>ラン</t>
    </rPh>
    <phoneticPr fontId="6"/>
  </si>
  <si>
    <t>月</t>
    <rPh sb="0" eb="1">
      <t>ツキ</t>
    </rPh>
    <phoneticPr fontId="6"/>
  </si>
  <si>
    <t>日</t>
    <rPh sb="0" eb="1">
      <t>ヒ</t>
    </rPh>
    <phoneticPr fontId="6"/>
  </si>
  <si>
    <t>契　約　金　額</t>
    <rPh sb="0" eb="1">
      <t>チギリ</t>
    </rPh>
    <rPh sb="2" eb="3">
      <t>ヤク</t>
    </rPh>
    <rPh sb="4" eb="5">
      <t>キン</t>
    </rPh>
    <rPh sb="6" eb="7">
      <t>ガク</t>
    </rPh>
    <phoneticPr fontId="6"/>
  </si>
  <si>
    <t>出来高</t>
    <rPh sb="0" eb="3">
      <t>デキダカ</t>
    </rPh>
    <phoneticPr fontId="6"/>
  </si>
  <si>
    <t>数 量</t>
    <rPh sb="0" eb="1">
      <t>カズ</t>
    </rPh>
    <rPh sb="2" eb="3">
      <t>リョウ</t>
    </rPh>
    <phoneticPr fontId="6"/>
  </si>
  <si>
    <t>単 　価</t>
    <rPh sb="0" eb="1">
      <t>タン</t>
    </rPh>
    <rPh sb="3" eb="4">
      <t>アタイ</t>
    </rPh>
    <phoneticPr fontId="6"/>
  </si>
  <si>
    <r>
      <t xml:space="preserve">金　額 </t>
    </r>
    <r>
      <rPr>
        <sz val="6"/>
        <color indexed="63"/>
        <rFont val="HG丸ｺﾞｼｯｸM-PRO"/>
        <family val="3"/>
        <charset val="128"/>
      </rPr>
      <t>〔契約の場合は累計額〕</t>
    </r>
    <rPh sb="0" eb="1">
      <t>キン</t>
    </rPh>
    <rPh sb="2" eb="3">
      <t>ガク</t>
    </rPh>
    <rPh sb="5" eb="7">
      <t>ケイヤク</t>
    </rPh>
    <rPh sb="8" eb="10">
      <t>バアイ</t>
    </rPh>
    <rPh sb="11" eb="13">
      <t>ルイケイ</t>
    </rPh>
    <rPh sb="13" eb="14">
      <t>ガク</t>
    </rPh>
    <phoneticPr fontId="6"/>
  </si>
  <si>
    <t>前月迄出来高累計額</t>
    <rPh sb="0" eb="1">
      <t>マエ</t>
    </rPh>
    <rPh sb="1" eb="2">
      <t>ツキ</t>
    </rPh>
    <rPh sb="2" eb="3">
      <t>マデ</t>
    </rPh>
    <rPh sb="3" eb="6">
      <t>デキダカ</t>
    </rPh>
    <rPh sb="6" eb="8">
      <t>ルイケイ</t>
    </rPh>
    <rPh sb="8" eb="9">
      <t>ガク</t>
    </rPh>
    <phoneticPr fontId="6"/>
  </si>
  <si>
    <t>当月末出来高累計額</t>
    <rPh sb="0" eb="1">
      <t>トウ</t>
    </rPh>
    <rPh sb="1" eb="2">
      <t>ツキ</t>
    </rPh>
    <rPh sb="2" eb="3">
      <t>スエ</t>
    </rPh>
    <rPh sb="3" eb="6">
      <t>デキダカ</t>
    </rPh>
    <rPh sb="6" eb="9">
      <t>ルイケイガク</t>
    </rPh>
    <phoneticPr fontId="6"/>
  </si>
  <si>
    <t>区　　分</t>
    <rPh sb="0" eb="1">
      <t>ク</t>
    </rPh>
    <rPh sb="3" eb="4">
      <t>ブン</t>
    </rPh>
    <phoneticPr fontId="6"/>
  </si>
  <si>
    <t>工　　　　　種</t>
    <rPh sb="0" eb="1">
      <t>コウ</t>
    </rPh>
    <rPh sb="6" eb="7">
      <t>シュ</t>
    </rPh>
    <phoneticPr fontId="6"/>
  </si>
  <si>
    <t>摘　　　要</t>
    <rPh sb="0" eb="1">
      <t>テキ</t>
    </rPh>
    <rPh sb="4" eb="5">
      <t>ヨウ</t>
    </rPh>
    <phoneticPr fontId="6"/>
  </si>
  <si>
    <t>支　払　決　定　額</t>
    <rPh sb="0" eb="1">
      <t>ササ</t>
    </rPh>
    <rPh sb="2" eb="3">
      <t>バライ</t>
    </rPh>
    <rPh sb="4" eb="5">
      <t>ケツ</t>
    </rPh>
    <rPh sb="6" eb="7">
      <t>サダム</t>
    </rPh>
    <rPh sb="8" eb="9">
      <t>ガク</t>
    </rPh>
    <phoneticPr fontId="6"/>
  </si>
  <si>
    <t>備　　考</t>
    <rPh sb="0" eb="1">
      <t>ソナエ</t>
    </rPh>
    <rPh sb="3" eb="4">
      <t>コウ</t>
    </rPh>
    <phoneticPr fontId="6"/>
  </si>
  <si>
    <t>材</t>
    <rPh sb="0" eb="1">
      <t>ザイ</t>
    </rPh>
    <phoneticPr fontId="6"/>
  </si>
  <si>
    <t>労</t>
    <rPh sb="0" eb="1">
      <t>ロウ</t>
    </rPh>
    <phoneticPr fontId="6"/>
  </si>
  <si>
    <t>外</t>
    <rPh sb="0" eb="1">
      <t>ガイ</t>
    </rPh>
    <phoneticPr fontId="6"/>
  </si>
  <si>
    <t>経</t>
    <rPh sb="0" eb="1">
      <t>ケイ</t>
    </rPh>
    <phoneticPr fontId="6"/>
  </si>
  <si>
    <t>今回請求金額</t>
    <rPh sb="0" eb="2">
      <t>コンカイ</t>
    </rPh>
    <rPh sb="2" eb="4">
      <t>セイキュウ</t>
    </rPh>
    <rPh sb="4" eb="5">
      <t>キン</t>
    </rPh>
    <rPh sb="5" eb="6">
      <t>ガク</t>
    </rPh>
    <phoneticPr fontId="6"/>
  </si>
  <si>
    <t>検印</t>
    <rPh sb="0" eb="2">
      <t>ケンイン</t>
    </rPh>
    <phoneticPr fontId="6"/>
  </si>
  <si>
    <t>管　　理　　部</t>
    <rPh sb="0" eb="1">
      <t>カン</t>
    </rPh>
    <rPh sb="3" eb="4">
      <t>リ</t>
    </rPh>
    <rPh sb="6" eb="7">
      <t>ブ</t>
    </rPh>
    <phoneticPr fontId="6"/>
  </si>
  <si>
    <t>担　　当　　部　　門</t>
    <rPh sb="0" eb="1">
      <t>タン</t>
    </rPh>
    <rPh sb="3" eb="4">
      <t>トウ</t>
    </rPh>
    <rPh sb="6" eb="7">
      <t>ブ</t>
    </rPh>
    <rPh sb="9" eb="10">
      <t>モン</t>
    </rPh>
    <phoneticPr fontId="6"/>
  </si>
  <si>
    <t>差引伝票添付</t>
    <rPh sb="0" eb="2">
      <t>サシヒキ</t>
    </rPh>
    <rPh sb="2" eb="4">
      <t>デンピョウ</t>
    </rPh>
    <rPh sb="4" eb="6">
      <t>テンプ</t>
    </rPh>
    <phoneticPr fontId="6"/>
  </si>
  <si>
    <t>株式会社メルディアDC</t>
    <phoneticPr fontId="3"/>
  </si>
  <si>
    <t>T</t>
    <phoneticPr fontId="3"/>
  </si>
  <si>
    <t>取引先CD</t>
    <rPh sb="0" eb="3">
      <t>トリヒキサキ</t>
    </rPh>
    <phoneticPr fontId="3"/>
  </si>
  <si>
    <t>合計(税込)</t>
    <rPh sb="0" eb="2">
      <t>ゴウケイ</t>
    </rPh>
    <rPh sb="3" eb="5">
      <t>ゼイコ</t>
    </rPh>
    <phoneticPr fontId="3"/>
  </si>
  <si>
    <t>担　当　者</t>
    <rPh sb="0" eb="1">
      <t>タン</t>
    </rPh>
    <rPh sb="2" eb="3">
      <t>トウ</t>
    </rPh>
    <rPh sb="4" eb="5">
      <t>モノ</t>
    </rPh>
    <phoneticPr fontId="6"/>
  </si>
  <si>
    <t>購買</t>
    <rPh sb="0" eb="2">
      <t>コウバイ</t>
    </rPh>
    <phoneticPr fontId="6"/>
  </si>
  <si>
    <t>✓</t>
    <phoneticPr fontId="3"/>
  </si>
  <si>
    <t>登録済</t>
    <rPh sb="0" eb="3">
      <t>トウロクズ</t>
    </rPh>
    <phoneticPr fontId="3"/>
  </si>
  <si>
    <t>未登録</t>
    <rPh sb="0" eb="3">
      <t>ミトウロク</t>
    </rPh>
    <phoneticPr fontId="3"/>
  </si>
  <si>
    <t>適格請求書
発行事業者
登録番号</t>
    <rPh sb="0" eb="2">
      <t>テキカク</t>
    </rPh>
    <rPh sb="2" eb="5">
      <t>セイキュウショ</t>
    </rPh>
    <rPh sb="12" eb="14">
      <t>ハッコウジギョウシャトウロクバンゴウ</t>
    </rPh>
    <phoneticPr fontId="3"/>
  </si>
  <si>
    <t>請　　求　　書</t>
    <rPh sb="0" eb="1">
      <t>ショウ</t>
    </rPh>
    <rPh sb="3" eb="4">
      <t>モトム</t>
    </rPh>
    <rPh sb="6" eb="7">
      <t>ショ</t>
    </rPh>
    <phoneticPr fontId="6"/>
  </si>
  <si>
    <t>佐藤</t>
    <rPh sb="0" eb="2">
      <t>サトウ</t>
    </rPh>
    <phoneticPr fontId="3"/>
  </si>
  <si>
    <t>(仮称)〇×マンション新築工事</t>
    <rPh sb="1" eb="3">
      <t>カショウ</t>
    </rPh>
    <rPh sb="11" eb="15">
      <t>シンチクコウジ</t>
    </rPh>
    <phoneticPr fontId="3"/>
  </si>
  <si>
    <t>大阪府大阪市・・・・・</t>
    <rPh sb="0" eb="3">
      <t>オオサカフ</t>
    </rPh>
    <rPh sb="3" eb="6">
      <t>オオサカシ</t>
    </rPh>
    <phoneticPr fontId="3"/>
  </si>
  <si>
    <t>株式会社　〇〇</t>
    <rPh sb="0" eb="4">
      <t>カブシキカイシャ</t>
    </rPh>
    <phoneticPr fontId="3"/>
  </si>
  <si>
    <t>△△△</t>
    <phoneticPr fontId="3"/>
  </si>
  <si>
    <t>06</t>
    <phoneticPr fontId="3"/>
  </si>
  <si>
    <t>-</t>
    <phoneticPr fontId="3"/>
  </si>
  <si>
    <t>〇〇</t>
    <phoneticPr fontId="3"/>
  </si>
  <si>
    <t>△△</t>
    <phoneticPr fontId="3"/>
  </si>
  <si>
    <t>○</t>
  </si>
  <si>
    <t>✓</t>
  </si>
  <si>
    <t>012</t>
    <phoneticPr fontId="3"/>
  </si>
  <si>
    <t>一式</t>
    <rPh sb="0" eb="2">
      <t>イッシキ</t>
    </rPh>
    <phoneticPr fontId="3"/>
  </si>
  <si>
    <t>消費税率</t>
    <rPh sb="0" eb="3">
      <t>ショウヒゼイ</t>
    </rPh>
    <rPh sb="3" eb="4">
      <t>リツ</t>
    </rPh>
    <phoneticPr fontId="6"/>
  </si>
  <si>
    <t>金属工事　</t>
    <rPh sb="0" eb="2">
      <t>キンゾク</t>
    </rPh>
    <rPh sb="2" eb="4">
      <t>コウジ</t>
    </rPh>
    <phoneticPr fontId="3"/>
  </si>
  <si>
    <t>摘　要〔 品 名 〕 品名の後ろに軽減税率対象なら＊/非課税対象なら(非)を記載</t>
    <rPh sb="0" eb="1">
      <t>テキ</t>
    </rPh>
    <rPh sb="2" eb="3">
      <t>ヨウ</t>
    </rPh>
    <rPh sb="5" eb="6">
      <t>シナ</t>
    </rPh>
    <rPh sb="7" eb="8">
      <t>メイ</t>
    </rPh>
    <rPh sb="11" eb="13">
      <t>ヒンメイ</t>
    </rPh>
    <rPh sb="14" eb="15">
      <t>ウシ</t>
    </rPh>
    <rPh sb="27" eb="30">
      <t>ヒカゼイ</t>
    </rPh>
    <rPh sb="30" eb="32">
      <t>タイショウ</t>
    </rPh>
    <rPh sb="35" eb="36">
      <t>ヒ</t>
    </rPh>
    <rPh sb="38" eb="40">
      <t>キサイ</t>
    </rPh>
    <phoneticPr fontId="6"/>
  </si>
  <si>
    <t>非課税</t>
  </si>
  <si>
    <t>金属工事　(非)</t>
    <rPh sb="0" eb="2">
      <t>キンゾク</t>
    </rPh>
    <rPh sb="2" eb="4">
      <t>コウジ</t>
    </rPh>
    <phoneticPr fontId="3"/>
  </si>
  <si>
    <t>請求書は　毎月末日締切(必着)、翌月末日支払　です。</t>
    <rPh sb="0" eb="3">
      <t>セイキュウショ</t>
    </rPh>
    <rPh sb="5" eb="7">
      <t>マイツキ</t>
    </rPh>
    <rPh sb="7" eb="9">
      <t>マツジツ</t>
    </rPh>
    <rPh sb="9" eb="10">
      <t>シ</t>
    </rPh>
    <rPh sb="10" eb="11">
      <t>キ</t>
    </rPh>
    <rPh sb="12" eb="14">
      <t>ヒッチャク</t>
    </rPh>
    <rPh sb="16" eb="18">
      <t>ヨクゲツ</t>
    </rPh>
    <rPh sb="18" eb="20">
      <t>マツジツ</t>
    </rPh>
    <rPh sb="20" eb="22">
      <t>シハライ</t>
    </rPh>
    <phoneticPr fontId="3"/>
  </si>
  <si>
    <t>相　　　殺
(税込)</t>
    <rPh sb="0" eb="1">
      <t>ソウ</t>
    </rPh>
    <rPh sb="4" eb="5">
      <t>サツ</t>
    </rPh>
    <rPh sb="7" eb="9">
      <t>ゼイコ</t>
    </rPh>
    <phoneticPr fontId="6"/>
  </si>
  <si>
    <t>内10％対象</t>
    <rPh sb="0" eb="1">
      <t>ウチ</t>
    </rPh>
    <rPh sb="4" eb="6">
      <t>タイショウ</t>
    </rPh>
    <phoneticPr fontId="3"/>
  </si>
  <si>
    <t>10％消費税</t>
    <rPh sb="3" eb="6">
      <t>ショウヒゼイ</t>
    </rPh>
    <phoneticPr fontId="3"/>
  </si>
  <si>
    <t>内8％対象</t>
    <rPh sb="0" eb="1">
      <t>ウチ</t>
    </rPh>
    <rPh sb="3" eb="5">
      <t>タイショウ</t>
    </rPh>
    <phoneticPr fontId="3"/>
  </si>
  <si>
    <t>8％消費税</t>
    <rPh sb="2" eb="5">
      <t>ショウヒゼイ</t>
    </rPh>
    <phoneticPr fontId="3"/>
  </si>
  <si>
    <t>消費税計</t>
    <rPh sb="0" eb="3">
      <t>ショウヒゼイ</t>
    </rPh>
    <rPh sb="3" eb="4">
      <t>ケイ</t>
    </rPh>
    <phoneticPr fontId="3"/>
  </si>
  <si>
    <t>(＊)印は、軽減税率対象
(非)印は、非課税対象</t>
    <phoneticPr fontId="3"/>
  </si>
  <si>
    <t>非課税対象</t>
    <rPh sb="0" eb="3">
      <t>ヒカゼイ</t>
    </rPh>
    <rPh sb="3" eb="5">
      <t>タイショウ</t>
    </rPh>
    <phoneticPr fontId="3"/>
  </si>
  <si>
    <t>合計(税抜)</t>
    <rPh sb="0" eb="2">
      <t>ゴウケイ</t>
    </rPh>
    <rPh sb="3" eb="5">
      <t>ゼイヌ</t>
    </rPh>
    <phoneticPr fontId="3"/>
  </si>
  <si>
    <t>非課税対象</t>
    <phoneticPr fontId="3"/>
  </si>
  <si>
    <t>合計(税抜)</t>
    <rPh sb="0" eb="2">
      <t>ゴウケイ</t>
    </rPh>
    <rPh sb="3" eb="5">
      <t>ゼイヌキ</t>
    </rPh>
    <phoneticPr fontId="3"/>
  </si>
  <si>
    <t>合計(税込)</t>
    <rPh sb="0" eb="2">
      <t>ゴウケ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 \ #\ \ #\ \ #\ \ #\ \ #\ \ 0_ "/>
    <numFmt numFmtId="177" formatCode="0\ \ \ \ 0\ \ \ \ 0\ \ \ \ 0\ \ \ \ 0\ \ \ \ 0"/>
    <numFmt numFmtId="178" formatCode="#,##0_ "/>
    <numFmt numFmtId="179" formatCode="0.0%"/>
  </numFmts>
  <fonts count="44">
    <font>
      <sz val="11"/>
      <color theme="1"/>
      <name val="Yu Gothic"/>
      <family val="2"/>
      <scheme val="minor"/>
    </font>
    <font>
      <sz val="11"/>
      <color theme="1"/>
      <name val="Yu Gothic"/>
      <family val="2"/>
      <scheme val="minor"/>
    </font>
    <font>
      <sz val="11"/>
      <name val="ＭＳ Ｐゴシック"/>
      <family val="3"/>
      <charset val="128"/>
    </font>
    <font>
      <sz val="6"/>
      <name val="Yu Gothic"/>
      <family val="3"/>
      <charset val="128"/>
      <scheme val="minor"/>
    </font>
    <font>
      <sz val="9"/>
      <name val="ＭＳ Ｐゴシック"/>
      <family val="3"/>
      <charset val="128"/>
    </font>
    <font>
      <sz val="18"/>
      <name val="HG創英角ｺﾞｼｯｸUB"/>
      <family val="3"/>
      <charset val="128"/>
    </font>
    <font>
      <sz val="6"/>
      <name val="ＭＳ Ｐゴシック"/>
      <family val="3"/>
      <charset val="128"/>
    </font>
    <font>
      <sz val="12"/>
      <name val="ＭＳ Ｐゴシック"/>
      <family val="3"/>
      <charset val="128"/>
    </font>
    <font>
      <sz val="8"/>
      <name val="HG丸ｺﾞｼｯｸM-PRO"/>
      <family val="3"/>
      <charset val="128"/>
    </font>
    <font>
      <sz val="10"/>
      <name val="ＭＳ Ｐゴシック"/>
      <family val="3"/>
      <charset val="128"/>
    </font>
    <font>
      <sz val="9"/>
      <name val="HG丸ｺﾞｼｯｸM-PRO"/>
      <family val="3"/>
      <charset val="128"/>
    </font>
    <font>
      <sz val="16"/>
      <name val="HG創英角ｺﾞｼｯｸUB"/>
      <family val="3"/>
      <charset val="128"/>
    </font>
    <font>
      <sz val="8"/>
      <color indexed="23"/>
      <name val="ＭＳ Ｐゴシック"/>
      <family val="3"/>
      <charset val="128"/>
    </font>
    <font>
      <sz val="8"/>
      <name val="ＭＳ Ｐゴシック"/>
      <family val="3"/>
      <charset val="128"/>
    </font>
    <font>
      <sz val="16"/>
      <name val="ＭＳ Ｐゴシック"/>
      <family val="3"/>
      <charset val="128"/>
    </font>
    <font>
      <sz val="7"/>
      <name val="HG丸ｺﾞｼｯｸM-PRO"/>
      <family val="3"/>
      <charset val="128"/>
    </font>
    <font>
      <sz val="7"/>
      <name val="ＭＳ Ｐゴシック"/>
      <family val="3"/>
      <charset val="128"/>
    </font>
    <font>
      <sz val="6"/>
      <name val="HG丸ｺﾞｼｯｸM-PRO"/>
      <family val="3"/>
      <charset val="128"/>
    </font>
    <font>
      <sz val="8"/>
      <color indexed="63"/>
      <name val="HG丸ｺﾞｼｯｸM-PRO"/>
      <family val="3"/>
      <charset val="128"/>
    </font>
    <font>
      <sz val="6"/>
      <color indexed="63"/>
      <name val="HG丸ｺﾞｼｯｸM-PRO"/>
      <family val="3"/>
      <charset val="128"/>
    </font>
    <font>
      <b/>
      <sz val="10"/>
      <name val="ＭＳ Ｐゴシック"/>
      <family val="3"/>
      <charset val="128"/>
    </font>
    <font>
      <b/>
      <sz val="11"/>
      <name val="ＭＳ Ｐゴシック"/>
      <family val="3"/>
      <charset val="128"/>
    </font>
    <font>
      <sz val="9"/>
      <color indexed="63"/>
      <name val="ＭＳ Ｐゴシック"/>
      <family val="3"/>
      <charset val="128"/>
    </font>
    <font>
      <sz val="7.5"/>
      <color indexed="63"/>
      <name val="ＭＳ Ｐゴシック"/>
      <family val="3"/>
      <charset val="128"/>
    </font>
    <font>
      <sz val="7.5"/>
      <name val="ＭＳ Ｐゴシック"/>
      <family val="3"/>
      <charset val="128"/>
    </font>
    <font>
      <sz val="14"/>
      <name val="ＭＳ Ｐゴシック"/>
      <family val="3"/>
      <charset val="128"/>
    </font>
    <font>
      <sz val="8"/>
      <color indexed="63"/>
      <name val="ＭＳ Ｐゴシック"/>
      <family val="3"/>
      <charset val="128"/>
    </font>
    <font>
      <b/>
      <sz val="20"/>
      <name val="ＭＳ Ｐゴシック"/>
      <family val="3"/>
      <charset val="128"/>
    </font>
    <font>
      <sz val="18"/>
      <name val="ＭＳ Ｐゴシック"/>
      <family val="3"/>
      <charset val="128"/>
    </font>
    <font>
      <b/>
      <sz val="8"/>
      <name val="ＭＳ Ｐゴシック"/>
      <family val="3"/>
      <charset val="128"/>
    </font>
    <font>
      <b/>
      <sz val="7"/>
      <name val="ＭＳ Ｐゴシック"/>
      <family val="3"/>
      <charset val="128"/>
    </font>
    <font>
      <sz val="20"/>
      <name val="HG創英角ｺﾞｼｯｸUB"/>
      <family val="3"/>
      <charset val="128"/>
    </font>
    <font>
      <b/>
      <sz val="8"/>
      <color theme="1"/>
      <name val="Segoe UI Symbol"/>
      <family val="3"/>
    </font>
    <font>
      <b/>
      <sz val="8"/>
      <color theme="1"/>
      <name val="ＭＳ Ｐゴシック"/>
      <family val="3"/>
      <charset val="128"/>
    </font>
    <font>
      <b/>
      <sz val="8"/>
      <color theme="0" tint="-0.249977111117893"/>
      <name val="Segoe UI Symbol"/>
      <family val="3"/>
    </font>
    <font>
      <b/>
      <sz val="8"/>
      <color theme="0" tint="-0.249977111117893"/>
      <name val="ＭＳ Ｐゴシック"/>
      <family val="3"/>
      <charset val="128"/>
    </font>
    <font>
      <sz val="7"/>
      <color indexed="63"/>
      <name val="HG丸ｺﾞｼｯｸM-PRO"/>
      <family val="3"/>
      <charset val="128"/>
    </font>
    <font>
      <b/>
      <sz val="14"/>
      <name val="ＭＳ Ｐゴシック"/>
      <family val="3"/>
      <charset val="128"/>
    </font>
    <font>
      <b/>
      <sz val="10"/>
      <color indexed="63"/>
      <name val="HG丸ｺﾞｼｯｸM-PRO"/>
      <family val="3"/>
      <charset val="128"/>
    </font>
    <font>
      <sz val="10"/>
      <color theme="1"/>
      <name val="HG丸ｺﾞｼｯｸM-PRO"/>
      <family val="3"/>
      <charset val="128"/>
    </font>
    <font>
      <b/>
      <sz val="10"/>
      <name val="HG丸ｺﾞｼｯｸM-PRO"/>
      <family val="3"/>
      <charset val="128"/>
    </font>
    <font>
      <sz val="10"/>
      <name val="HG丸ｺﾞｼｯｸM-PRO"/>
      <family val="3"/>
      <charset val="128"/>
    </font>
    <font>
      <b/>
      <sz val="10"/>
      <color theme="1"/>
      <name val="HG丸ｺﾞｼｯｸM-PRO"/>
      <family val="3"/>
      <charset val="128"/>
    </font>
    <font>
      <sz val="5.5"/>
      <color indexed="63"/>
      <name val="HG丸ｺﾞｼｯｸM-PRO"/>
      <family val="3"/>
      <charset val="128"/>
    </font>
  </fonts>
  <fills count="3">
    <fill>
      <patternFill patternType="none"/>
    </fill>
    <fill>
      <patternFill patternType="gray125"/>
    </fill>
    <fill>
      <patternFill patternType="solid">
        <fgColor rgb="FFFFFF99"/>
        <bgColor indexed="64"/>
      </patternFill>
    </fill>
  </fills>
  <borders count="36">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3"/>
      </left>
      <right/>
      <top style="thin">
        <color indexed="63"/>
      </top>
      <bottom/>
      <diagonal/>
    </border>
    <border>
      <left/>
      <right/>
      <top style="thin">
        <color indexed="63"/>
      </top>
      <bottom/>
      <diagonal/>
    </border>
    <border>
      <left/>
      <right style="thin">
        <color indexed="63"/>
      </right>
      <top style="thin">
        <color indexed="63"/>
      </top>
      <bottom/>
      <diagonal/>
    </border>
    <border>
      <left style="thin">
        <color indexed="63"/>
      </left>
      <right/>
      <top/>
      <bottom style="thin">
        <color indexed="63"/>
      </bottom>
      <diagonal/>
    </border>
    <border>
      <left/>
      <right/>
      <top/>
      <bottom style="thin">
        <color indexed="63"/>
      </bottom>
      <diagonal/>
    </border>
    <border>
      <left/>
      <right style="thin">
        <color indexed="63"/>
      </right>
      <top/>
      <bottom style="thin">
        <color indexed="63"/>
      </bottom>
      <diagonal/>
    </border>
    <border>
      <left/>
      <right style="thin">
        <color indexed="63"/>
      </right>
      <top/>
      <bottom/>
      <diagonal/>
    </border>
    <border>
      <left style="thin">
        <color indexed="63"/>
      </left>
      <right/>
      <top/>
      <bottom/>
      <diagonal/>
    </border>
    <border>
      <left/>
      <right style="thin">
        <color rgb="FF333333"/>
      </right>
      <top/>
      <bottom/>
      <diagonal/>
    </border>
    <border>
      <left/>
      <right/>
      <top/>
      <bottom style="thin">
        <color theme="1" tint="0.499984740745262"/>
      </bottom>
      <diagonal/>
    </border>
    <border>
      <left style="thin">
        <color indexed="64"/>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right style="thin">
        <color rgb="FF333333"/>
      </right>
      <top style="thin">
        <color indexed="64"/>
      </top>
      <bottom/>
      <diagonal/>
    </border>
    <border>
      <left/>
      <right style="thin">
        <color rgb="FF333333"/>
      </right>
      <top/>
      <bottom style="thin">
        <color indexed="64"/>
      </bottom>
      <diagonal/>
    </border>
    <border>
      <left style="thin">
        <color indexed="64"/>
      </left>
      <right style="hair">
        <color indexed="64"/>
      </right>
      <top style="thin">
        <color indexed="64"/>
      </top>
      <bottom style="hair">
        <color indexed="64"/>
      </bottom>
      <diagonal/>
    </border>
  </borders>
  <cellStyleXfs count="3">
    <xf numFmtId="0" fontId="0" fillId="0" borderId="0"/>
    <xf numFmtId="38" fontId="1" fillId="0" borderId="0" applyFont="0" applyFill="0" applyBorder="0" applyAlignment="0" applyProtection="0">
      <alignment vertical="center"/>
    </xf>
    <xf numFmtId="9" fontId="1" fillId="0" borderId="0" applyFont="0" applyFill="0" applyBorder="0" applyAlignment="0" applyProtection="0">
      <alignment vertical="center"/>
    </xf>
  </cellStyleXfs>
  <cellXfs count="427">
    <xf numFmtId="0" fontId="0" fillId="0" borderId="0" xfId="0"/>
    <xf numFmtId="0" fontId="2" fillId="0" borderId="0" xfId="0" applyFont="1" applyAlignment="1">
      <alignment vertical="center"/>
    </xf>
    <xf numFmtId="0" fontId="4" fillId="0" borderId="0" xfId="0" applyFont="1" applyAlignment="1">
      <alignment vertical="center"/>
    </xf>
    <xf numFmtId="0" fontId="4" fillId="0" borderId="0" xfId="0" applyFont="1" applyAlignment="1">
      <alignment horizontal="center" vertical="center"/>
    </xf>
    <xf numFmtId="176" fontId="7" fillId="0" borderId="0" xfId="0" applyNumberFormat="1" applyFont="1" applyAlignment="1">
      <alignment vertical="distributed"/>
    </xf>
    <xf numFmtId="0" fontId="2" fillId="0" borderId="0" xfId="0" applyFont="1" applyAlignment="1">
      <alignment horizontal="distributed" vertical="center"/>
    </xf>
    <xf numFmtId="0" fontId="4" fillId="0" borderId="2" xfId="0" applyFont="1" applyBorder="1" applyAlignment="1">
      <alignment horizontal="center" vertical="center"/>
    </xf>
    <xf numFmtId="0" fontId="2" fillId="0" borderId="2" xfId="0" applyFont="1" applyBorder="1" applyAlignment="1">
      <alignment vertical="center"/>
    </xf>
    <xf numFmtId="0" fontId="9" fillId="0" borderId="2" xfId="0" applyFont="1" applyBorder="1" applyAlignment="1">
      <alignment horizontal="left" vertical="center"/>
    </xf>
    <xf numFmtId="0" fontId="4" fillId="0" borderId="2" xfId="0" applyFont="1" applyBorder="1" applyAlignment="1">
      <alignment vertical="center"/>
    </xf>
    <xf numFmtId="0" fontId="4" fillId="0" borderId="3" xfId="0" applyFont="1" applyBorder="1" applyAlignment="1">
      <alignment vertical="center"/>
    </xf>
    <xf numFmtId="0" fontId="10" fillId="0" borderId="0" xfId="0" applyFont="1" applyAlignment="1">
      <alignment justifyLastLine="1"/>
    </xf>
    <xf numFmtId="0" fontId="4" fillId="0" borderId="4" xfId="0" applyFont="1" applyBorder="1" applyAlignment="1">
      <alignment horizontal="center" vertical="center"/>
    </xf>
    <xf numFmtId="0" fontId="4" fillId="0" borderId="0" xfId="0" applyFont="1" applyAlignment="1">
      <alignment horizontal="center"/>
    </xf>
    <xf numFmtId="0" fontId="9" fillId="0" borderId="0" xfId="0" applyFont="1" applyAlignment="1">
      <alignment horizontal="left" vertical="center"/>
    </xf>
    <xf numFmtId="0" fontId="4" fillId="0" borderId="5" xfId="0" applyFont="1" applyBorder="1" applyAlignment="1">
      <alignment vertical="center"/>
    </xf>
    <xf numFmtId="0" fontId="11" fillId="0" borderId="0" xfId="0" applyFont="1" applyAlignment="1">
      <alignment horizontal="center" vertical="center"/>
    </xf>
    <xf numFmtId="0" fontId="10" fillId="0" borderId="0" xfId="0" applyFont="1" applyAlignment="1">
      <alignment horizontal="distributed" justifyLastLine="1"/>
    </xf>
    <xf numFmtId="0" fontId="7" fillId="0" borderId="0" xfId="0" applyFont="1" applyAlignment="1">
      <alignment horizontal="left" vertical="center"/>
    </xf>
    <xf numFmtId="0" fontId="7" fillId="0" borderId="0" xfId="0" applyFont="1" applyAlignment="1">
      <alignment horizontal="distributed" vertical="center"/>
    </xf>
    <xf numFmtId="0" fontId="2" fillId="0" borderId="0" xfId="0" applyFont="1" applyAlignment="1">
      <alignment horizontal="left" vertical="center"/>
    </xf>
    <xf numFmtId="0" fontId="13" fillId="0" borderId="0" xfId="0" applyFont="1" applyAlignment="1">
      <alignment horizontal="center"/>
    </xf>
    <xf numFmtId="0" fontId="13" fillId="0" borderId="5" xfId="0" applyFont="1" applyBorder="1" applyAlignment="1">
      <alignment horizontal="center"/>
    </xf>
    <xf numFmtId="0" fontId="8" fillId="0" borderId="0" xfId="0" applyFont="1" applyAlignment="1">
      <alignment horizontal="distributed" vertical="center" justifyLastLine="1"/>
    </xf>
    <xf numFmtId="0" fontId="8" fillId="0" borderId="0" xfId="0" applyFont="1" applyAlignment="1">
      <alignment horizontal="right" vertical="center"/>
    </xf>
    <xf numFmtId="0" fontId="9" fillId="0" borderId="0" xfId="0" applyFont="1" applyAlignment="1">
      <alignment horizontal="center" vertical="center"/>
    </xf>
    <xf numFmtId="0" fontId="8" fillId="0" borderId="0" xfId="0" applyFont="1" applyAlignment="1">
      <alignment horizontal="center" vertical="center"/>
    </xf>
    <xf numFmtId="0" fontId="2" fillId="0" borderId="0" xfId="0" applyFont="1" applyAlignment="1">
      <alignment horizontal="center" vertical="center"/>
    </xf>
    <xf numFmtId="0" fontId="9" fillId="0" borderId="0" xfId="0" applyFont="1" applyAlignment="1">
      <alignment horizontal="distributed" vertical="center"/>
    </xf>
    <xf numFmtId="0" fontId="13" fillId="0" borderId="0" xfId="0" applyFont="1" applyAlignment="1">
      <alignment horizontal="center" vertical="center"/>
    </xf>
    <xf numFmtId="0" fontId="13" fillId="0" borderId="5"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7" xfId="0" applyFont="1" applyBorder="1" applyAlignment="1">
      <alignment vertical="center"/>
    </xf>
    <xf numFmtId="0" fontId="4" fillId="0" borderId="8" xfId="0" applyFont="1" applyBorder="1" applyAlignment="1">
      <alignment vertical="center"/>
    </xf>
    <xf numFmtId="0" fontId="0" fillId="0" borderId="0" xfId="0" applyAlignment="1">
      <alignment vertical="center"/>
    </xf>
    <xf numFmtId="0" fontId="8" fillId="2" borderId="2" xfId="0" applyFont="1" applyFill="1" applyBorder="1" applyAlignment="1">
      <alignment horizontal="center" wrapText="1"/>
    </xf>
    <xf numFmtId="0" fontId="15" fillId="2" borderId="1" xfId="0" applyFont="1" applyFill="1" applyBorder="1" applyAlignment="1">
      <alignment horizontal="left"/>
    </xf>
    <xf numFmtId="0" fontId="15" fillId="2" borderId="2" xfId="0" applyFont="1" applyFill="1" applyBorder="1" applyAlignment="1">
      <alignment horizontal="left"/>
    </xf>
    <xf numFmtId="0" fontId="15" fillId="2" borderId="3" xfId="0" applyFont="1" applyFill="1" applyBorder="1" applyAlignment="1">
      <alignment horizontal="left"/>
    </xf>
    <xf numFmtId="0" fontId="15" fillId="2" borderId="3" xfId="0" applyFont="1" applyFill="1" applyBorder="1" applyAlignment="1">
      <alignment horizontal="left" vertical="center"/>
    </xf>
    <xf numFmtId="0" fontId="15" fillId="2" borderId="1" xfId="0" applyFont="1" applyFill="1" applyBorder="1" applyAlignment="1">
      <alignment horizontal="left" vertical="center"/>
    </xf>
    <xf numFmtId="0" fontId="2" fillId="0" borderId="10" xfId="0" applyFont="1" applyBorder="1" applyAlignment="1">
      <alignment vertical="center"/>
    </xf>
    <xf numFmtId="0" fontId="4" fillId="0" borderId="0" xfId="0" applyFont="1" applyAlignment="1">
      <alignment horizontal="distributed" vertical="center"/>
    </xf>
    <xf numFmtId="0" fontId="16" fillId="2" borderId="6" xfId="0" applyFont="1" applyFill="1" applyBorder="1" applyAlignment="1">
      <alignment horizontal="center" vertical="center"/>
    </xf>
    <xf numFmtId="0" fontId="16" fillId="2" borderId="7" xfId="0" applyFont="1" applyFill="1" applyBorder="1" applyAlignment="1">
      <alignment horizontal="center" vertical="center"/>
    </xf>
    <xf numFmtId="0" fontId="15" fillId="2" borderId="7" xfId="0" applyFont="1" applyFill="1" applyBorder="1" applyAlignment="1">
      <alignment horizontal="center" vertical="center"/>
    </xf>
    <xf numFmtId="0" fontId="15" fillId="2" borderId="8" xfId="0" applyFont="1" applyFill="1" applyBorder="1" applyAlignment="1">
      <alignment horizontal="center" vertical="center"/>
    </xf>
    <xf numFmtId="0" fontId="2" fillId="0" borderId="4" xfId="0" applyFont="1" applyBorder="1" applyAlignment="1">
      <alignment vertical="center"/>
    </xf>
    <xf numFmtId="0" fontId="2" fillId="2" borderId="4" xfId="0" applyFont="1" applyFill="1" applyBorder="1" applyAlignment="1">
      <alignment vertical="center"/>
    </xf>
    <xf numFmtId="0" fontId="2" fillId="2" borderId="5" xfId="0" applyFont="1" applyFill="1" applyBorder="1" applyAlignment="1">
      <alignment vertical="center"/>
    </xf>
    <xf numFmtId="0" fontId="2" fillId="2" borderId="6" xfId="0" applyFont="1" applyFill="1" applyBorder="1" applyAlignment="1">
      <alignment vertical="center"/>
    </xf>
    <xf numFmtId="0" fontId="17" fillId="2" borderId="7" xfId="0" applyFont="1" applyFill="1" applyBorder="1" applyAlignment="1">
      <alignment horizontal="center" vertical="center"/>
    </xf>
    <xf numFmtId="0" fontId="2" fillId="2" borderId="8" xfId="0" applyFont="1" applyFill="1" applyBorder="1" applyAlignment="1">
      <alignment vertical="center"/>
    </xf>
    <xf numFmtId="49" fontId="4" fillId="0" borderId="0" xfId="0" applyNumberFormat="1" applyFont="1" applyAlignment="1">
      <alignment horizontal="center" vertical="center"/>
    </xf>
    <xf numFmtId="0" fontId="16" fillId="0" borderId="0" xfId="0" applyFont="1" applyAlignment="1">
      <alignment horizontal="center" vertical="center"/>
    </xf>
    <xf numFmtId="0" fontId="22" fillId="0" borderId="0" xfId="0" applyFont="1" applyAlignment="1">
      <alignment vertical="center"/>
    </xf>
    <xf numFmtId="0" fontId="16" fillId="0" borderId="0" xfId="0" applyFont="1" applyAlignment="1">
      <alignment vertical="center"/>
    </xf>
    <xf numFmtId="0" fontId="24" fillId="0" borderId="0" xfId="0" applyFont="1" applyAlignment="1">
      <alignment vertical="center"/>
    </xf>
    <xf numFmtId="178" fontId="0" fillId="0" borderId="0" xfId="0" applyNumberFormat="1" applyAlignment="1">
      <alignment shrinkToFit="1"/>
    </xf>
    <xf numFmtId="0" fontId="8" fillId="0" borderId="0" xfId="0" applyFont="1" applyAlignment="1">
      <alignment vertical="center"/>
    </xf>
    <xf numFmtId="177" fontId="7" fillId="0" borderId="0" xfId="0" applyNumberFormat="1" applyFont="1" applyAlignment="1">
      <alignment vertical="distributed"/>
    </xf>
    <xf numFmtId="0" fontId="6" fillId="0" borderId="0" xfId="0" applyFont="1" applyAlignment="1">
      <alignment vertical="center" wrapText="1"/>
    </xf>
    <xf numFmtId="0" fontId="6" fillId="0" borderId="0" xfId="0" applyFont="1" applyAlignment="1">
      <alignment vertical="center"/>
    </xf>
    <xf numFmtId="0" fontId="4" fillId="0" borderId="0" xfId="0" applyFont="1"/>
    <xf numFmtId="0" fontId="4" fillId="0" borderId="0" xfId="0" applyFont="1" applyAlignment="1">
      <alignment shrinkToFit="1"/>
    </xf>
    <xf numFmtId="179" fontId="0" fillId="0" borderId="0" xfId="0" applyNumberFormat="1" applyAlignment="1">
      <alignment shrinkToFit="1"/>
    </xf>
    <xf numFmtId="0" fontId="18" fillId="0" borderId="0" xfId="0" applyFont="1" applyAlignment="1">
      <alignment vertical="center" wrapText="1"/>
    </xf>
    <xf numFmtId="0" fontId="17" fillId="0" borderId="0" xfId="0" applyFont="1" applyAlignment="1">
      <alignment vertical="center"/>
    </xf>
    <xf numFmtId="0" fontId="23" fillId="0" borderId="0" xfId="0" applyFont="1" applyAlignment="1">
      <alignment vertical="center"/>
    </xf>
    <xf numFmtId="0" fontId="5" fillId="0" borderId="0" xfId="0" applyFont="1" applyAlignment="1">
      <alignment justifyLastLine="1"/>
    </xf>
    <xf numFmtId="0" fontId="2" fillId="0" borderId="3" xfId="0" applyFont="1" applyBorder="1" applyAlignment="1">
      <alignment vertical="center"/>
    </xf>
    <xf numFmtId="0" fontId="2" fillId="0" borderId="5" xfId="0" applyFont="1" applyBorder="1" applyAlignment="1">
      <alignment vertical="center"/>
    </xf>
    <xf numFmtId="0" fontId="16" fillId="0" borderId="5" xfId="0" applyFont="1" applyBorder="1" applyAlignment="1">
      <alignment vertical="center"/>
    </xf>
    <xf numFmtId="0" fontId="2" fillId="0" borderId="7" xfId="0" applyFont="1" applyBorder="1" applyAlignment="1">
      <alignment vertical="center"/>
    </xf>
    <xf numFmtId="0" fontId="2" fillId="0" borderId="8" xfId="0" applyFont="1" applyBorder="1" applyAlignment="1">
      <alignment vertical="center"/>
    </xf>
    <xf numFmtId="0" fontId="24" fillId="0" borderId="26" xfId="0" applyFont="1" applyBorder="1" applyAlignment="1">
      <alignment horizontal="center" shrinkToFit="1"/>
    </xf>
    <xf numFmtId="0" fontId="24" fillId="0" borderId="25" xfId="0" applyFont="1" applyBorder="1" applyAlignment="1">
      <alignment horizontal="center" shrinkToFit="1"/>
    </xf>
    <xf numFmtId="0" fontId="24" fillId="0" borderId="29" xfId="0" applyFont="1" applyBorder="1" applyAlignment="1">
      <alignment horizontal="center" shrinkToFit="1"/>
    </xf>
    <xf numFmtId="0" fontId="23" fillId="2" borderId="1" xfId="0" applyFont="1" applyFill="1" applyBorder="1" applyAlignment="1">
      <alignment horizontal="center" vertical="center"/>
    </xf>
    <xf numFmtId="0" fontId="23" fillId="2" borderId="2" xfId="0" applyFont="1" applyFill="1" applyBorder="1" applyAlignment="1">
      <alignment horizontal="center" vertical="center"/>
    </xf>
    <xf numFmtId="0" fontId="23" fillId="2" borderId="3"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0" xfId="0" applyFont="1" applyFill="1" applyAlignment="1">
      <alignment horizontal="center" vertical="center"/>
    </xf>
    <xf numFmtId="0" fontId="23" fillId="2" borderId="5" xfId="0" applyFont="1" applyFill="1" applyBorder="1" applyAlignment="1">
      <alignment horizontal="center" vertical="center"/>
    </xf>
    <xf numFmtId="0" fontId="23" fillId="2" borderId="11" xfId="0" applyFont="1" applyFill="1" applyBorder="1" applyAlignment="1">
      <alignment horizontal="center" vertical="center"/>
    </xf>
    <xf numFmtId="0" fontId="24" fillId="0" borderId="1" xfId="0" applyFont="1" applyBorder="1" applyAlignment="1">
      <alignment horizontal="center" vertical="center" shrinkToFit="1"/>
    </xf>
    <xf numFmtId="0" fontId="24" fillId="0" borderId="2" xfId="0" applyFont="1" applyBorder="1" applyAlignment="1">
      <alignment horizontal="center" vertical="center" shrinkToFit="1"/>
    </xf>
    <xf numFmtId="0" fontId="24" fillId="0" borderId="3" xfId="0" applyFont="1" applyBorder="1" applyAlignment="1">
      <alignment horizontal="center" vertical="center" shrinkToFit="1"/>
    </xf>
    <xf numFmtId="0" fontId="24" fillId="0" borderId="4" xfId="0" applyFont="1" applyBorder="1" applyAlignment="1">
      <alignment horizontal="center" vertical="center" shrinkToFit="1"/>
    </xf>
    <xf numFmtId="0" fontId="24" fillId="0" borderId="0" xfId="0" applyFont="1" applyAlignment="1">
      <alignment horizontal="center" vertical="center" shrinkToFit="1"/>
    </xf>
    <xf numFmtId="0" fontId="24" fillId="0" borderId="5" xfId="0" applyFont="1" applyBorder="1" applyAlignment="1">
      <alignment horizontal="center" vertical="center" shrinkToFit="1"/>
    </xf>
    <xf numFmtId="0" fontId="24" fillId="0" borderId="6" xfId="0" applyFont="1" applyBorder="1" applyAlignment="1">
      <alignment horizontal="center" vertical="center" shrinkToFit="1"/>
    </xf>
    <xf numFmtId="0" fontId="24" fillId="0" borderId="7" xfId="0" applyFont="1" applyBorder="1" applyAlignment="1">
      <alignment horizontal="center" vertical="center" shrinkToFit="1"/>
    </xf>
    <xf numFmtId="0" fontId="24" fillId="0" borderId="8" xfId="0" applyFont="1" applyBorder="1" applyAlignment="1">
      <alignment horizontal="center" vertical="center" shrinkToFit="1"/>
    </xf>
    <xf numFmtId="0" fontId="24" fillId="0" borderId="35" xfId="0" applyFont="1" applyBorder="1" applyAlignment="1">
      <alignment horizontal="center" shrinkToFit="1"/>
    </xf>
    <xf numFmtId="0" fontId="24" fillId="0" borderId="31" xfId="0" applyFont="1" applyBorder="1" applyAlignment="1">
      <alignment horizontal="center" shrinkToFit="1"/>
    </xf>
    <xf numFmtId="0" fontId="24" fillId="0" borderId="32" xfId="0" applyFont="1" applyBorder="1" applyAlignment="1">
      <alignment horizontal="center" shrinkToFit="1"/>
    </xf>
    <xf numFmtId="0" fontId="24" fillId="0" borderId="1" xfId="0" applyFont="1" applyBorder="1" applyAlignment="1">
      <alignment horizontal="center" shrinkToFit="1"/>
    </xf>
    <xf numFmtId="0" fontId="24" fillId="0" borderId="2" xfId="0" applyFont="1" applyBorder="1" applyAlignment="1">
      <alignment horizontal="center" shrinkToFit="1"/>
    </xf>
    <xf numFmtId="0" fontId="24" fillId="0" borderId="3" xfId="0" applyFont="1" applyBorder="1" applyAlignment="1">
      <alignment horizontal="center" shrinkToFit="1"/>
    </xf>
    <xf numFmtId="0" fontId="24" fillId="0" borderId="4" xfId="0" applyFont="1" applyBorder="1" applyAlignment="1">
      <alignment horizontal="center" shrinkToFit="1"/>
    </xf>
    <xf numFmtId="0" fontId="24" fillId="0" borderId="0" xfId="0" applyFont="1" applyAlignment="1">
      <alignment horizontal="center" shrinkToFit="1"/>
    </xf>
    <xf numFmtId="0" fontId="24" fillId="0" borderId="5" xfId="0" applyFont="1" applyBorder="1" applyAlignment="1">
      <alignment horizontal="center" shrinkToFit="1"/>
    </xf>
    <xf numFmtId="0" fontId="24" fillId="0" borderId="6" xfId="0" applyFont="1" applyBorder="1" applyAlignment="1">
      <alignment horizontal="center" shrinkToFit="1"/>
    </xf>
    <xf numFmtId="0" fontId="24" fillId="0" borderId="7" xfId="0" applyFont="1" applyBorder="1" applyAlignment="1">
      <alignment horizontal="center" shrinkToFit="1"/>
    </xf>
    <xf numFmtId="0" fontId="24" fillId="0" borderId="8" xfId="0" applyFont="1" applyBorder="1" applyAlignment="1">
      <alignment horizontal="center" shrinkToFit="1"/>
    </xf>
    <xf numFmtId="0" fontId="24" fillId="0" borderId="27" xfId="0" applyFont="1" applyBorder="1" applyAlignment="1">
      <alignment horizontal="center" shrinkToFit="1"/>
    </xf>
    <xf numFmtId="0" fontId="24" fillId="0" borderId="28" xfId="0" applyFont="1" applyBorder="1" applyAlignment="1">
      <alignment horizontal="center" shrinkToFit="1"/>
    </xf>
    <xf numFmtId="0" fontId="24" fillId="0" borderId="30" xfId="0" applyFont="1" applyBorder="1" applyAlignment="1">
      <alignment horizontal="center" shrinkToFit="1"/>
    </xf>
    <xf numFmtId="0" fontId="19" fillId="2" borderId="1" xfId="0" applyFont="1" applyFill="1" applyBorder="1" applyAlignment="1">
      <alignment horizontal="center" vertical="center"/>
    </xf>
    <xf numFmtId="0" fontId="19" fillId="2" borderId="2" xfId="0" applyFont="1" applyFill="1" applyBorder="1" applyAlignment="1">
      <alignment horizontal="center" vertical="center"/>
    </xf>
    <xf numFmtId="0" fontId="19" fillId="2" borderId="4" xfId="0" applyFont="1" applyFill="1" applyBorder="1" applyAlignment="1">
      <alignment horizontal="center" vertical="center"/>
    </xf>
    <xf numFmtId="0" fontId="19" fillId="2" borderId="0" xfId="0" applyFont="1" applyFill="1" applyAlignment="1">
      <alignment horizontal="center" vertical="center"/>
    </xf>
    <xf numFmtId="0" fontId="19" fillId="2" borderId="6" xfId="0" applyFont="1" applyFill="1" applyBorder="1" applyAlignment="1">
      <alignment horizontal="center" vertical="center"/>
    </xf>
    <xf numFmtId="0" fontId="19" fillId="2" borderId="7" xfId="0" applyFont="1" applyFill="1" applyBorder="1" applyAlignment="1">
      <alignment horizontal="center" vertical="center"/>
    </xf>
    <xf numFmtId="0" fontId="43" fillId="2" borderId="24" xfId="0" applyFont="1" applyFill="1" applyBorder="1" applyAlignment="1">
      <alignment horizontal="center" vertical="center"/>
    </xf>
    <xf numFmtId="0" fontId="43" fillId="2" borderId="6" xfId="0" applyFont="1" applyFill="1" applyBorder="1" applyAlignment="1">
      <alignment horizontal="center" vertical="center"/>
    </xf>
    <xf numFmtId="0" fontId="43" fillId="2" borderId="11" xfId="0" applyFont="1" applyFill="1" applyBorder="1" applyAlignment="1">
      <alignment horizontal="center" vertical="center"/>
    </xf>
    <xf numFmtId="0" fontId="43" fillId="2" borderId="12" xfId="0" applyFont="1" applyFill="1" applyBorder="1" applyAlignment="1">
      <alignment horizontal="center" vertical="center"/>
    </xf>
    <xf numFmtId="0" fontId="18" fillId="2" borderId="11" xfId="0" applyFont="1" applyFill="1" applyBorder="1" applyAlignment="1">
      <alignment horizontal="center" vertical="center"/>
    </xf>
    <xf numFmtId="38" fontId="38" fillId="0" borderId="11" xfId="1" applyFont="1" applyFill="1" applyBorder="1" applyAlignment="1">
      <alignment horizontal="right" vertical="center"/>
    </xf>
    <xf numFmtId="0" fontId="18" fillId="2" borderId="1" xfId="0" applyFont="1" applyFill="1" applyBorder="1" applyAlignment="1">
      <alignment horizontal="center" vertical="center"/>
    </xf>
    <xf numFmtId="0" fontId="18" fillId="2" borderId="2" xfId="0" applyFont="1" applyFill="1" applyBorder="1" applyAlignment="1">
      <alignment horizontal="center" vertical="center"/>
    </xf>
    <xf numFmtId="0" fontId="18" fillId="2" borderId="3"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0" xfId="0" applyFont="1" applyFill="1" applyAlignment="1">
      <alignment horizontal="center" vertical="center"/>
    </xf>
    <xf numFmtId="0" fontId="18" fillId="2" borderId="5" xfId="0" applyFont="1" applyFill="1" applyBorder="1" applyAlignment="1">
      <alignment horizontal="center" vertical="center"/>
    </xf>
    <xf numFmtId="0" fontId="18" fillId="2" borderId="6" xfId="0" applyFont="1" applyFill="1" applyBorder="1" applyAlignment="1">
      <alignment horizontal="center" vertical="center"/>
    </xf>
    <xf numFmtId="0" fontId="18" fillId="2" borderId="7" xfId="0" applyFont="1" applyFill="1" applyBorder="1" applyAlignment="1">
      <alignment horizontal="center" vertical="center"/>
    </xf>
    <xf numFmtId="0" fontId="18" fillId="2" borderId="8" xfId="0" applyFont="1" applyFill="1" applyBorder="1" applyAlignment="1">
      <alignment horizontal="center" vertical="center"/>
    </xf>
    <xf numFmtId="0" fontId="19" fillId="2" borderId="11" xfId="0" applyFont="1" applyFill="1" applyBorder="1" applyAlignment="1">
      <alignment horizontal="center" vertical="center"/>
    </xf>
    <xf numFmtId="0" fontId="19" fillId="2" borderId="12" xfId="0" applyFont="1" applyFill="1" applyBorder="1" applyAlignment="1">
      <alignment horizontal="center" vertical="center"/>
    </xf>
    <xf numFmtId="0" fontId="22" fillId="0" borderId="14" xfId="0" applyFont="1" applyBorder="1" applyAlignment="1">
      <alignment horizontal="center" vertical="center"/>
    </xf>
    <xf numFmtId="0" fontId="22" fillId="0" borderId="15" xfId="0" applyFont="1" applyBorder="1" applyAlignment="1">
      <alignment horizontal="center" vertical="center"/>
    </xf>
    <xf numFmtId="0" fontId="22" fillId="0" borderId="16" xfId="0" applyFont="1" applyBorder="1" applyAlignment="1">
      <alignment horizontal="center" vertical="center"/>
    </xf>
    <xf numFmtId="0" fontId="22" fillId="0" borderId="21" xfId="0" applyFont="1" applyBorder="1" applyAlignment="1">
      <alignment horizontal="center" vertical="center"/>
    </xf>
    <xf numFmtId="0" fontId="22" fillId="0" borderId="0" xfId="0" applyFont="1" applyAlignment="1">
      <alignment horizontal="center" vertical="center"/>
    </xf>
    <xf numFmtId="0" fontId="22" fillId="0" borderId="20" xfId="0" applyFont="1" applyBorder="1" applyAlignment="1">
      <alignment horizontal="center" vertical="center"/>
    </xf>
    <xf numFmtId="0" fontId="22" fillId="0" borderId="17" xfId="0" applyFont="1" applyBorder="1" applyAlignment="1">
      <alignment horizontal="center" vertical="center"/>
    </xf>
    <xf numFmtId="0" fontId="22" fillId="0" borderId="18" xfId="0" applyFont="1" applyBorder="1" applyAlignment="1">
      <alignment horizontal="center" vertical="center"/>
    </xf>
    <xf numFmtId="0" fontId="22" fillId="0" borderId="19" xfId="0" applyFont="1" applyBorder="1" applyAlignment="1">
      <alignment horizontal="center" vertical="center"/>
    </xf>
    <xf numFmtId="0" fontId="16" fillId="0" borderId="0" xfId="0" applyFont="1" applyAlignment="1">
      <alignment horizontal="center" vertical="center"/>
    </xf>
    <xf numFmtId="0" fontId="4" fillId="0" borderId="0" xfId="0" applyFont="1" applyAlignment="1">
      <alignment horizontal="center" vertical="center"/>
    </xf>
    <xf numFmtId="38" fontId="9" fillId="0" borderId="0" xfId="1" applyFont="1" applyBorder="1" applyAlignment="1">
      <alignment horizontal="center" vertical="center"/>
    </xf>
    <xf numFmtId="38" fontId="9" fillId="0" borderId="7" xfId="1" applyFont="1" applyBorder="1" applyAlignment="1">
      <alignment horizontal="center" vertical="center"/>
    </xf>
    <xf numFmtId="0" fontId="16" fillId="0" borderId="23" xfId="0" applyFont="1" applyBorder="1" applyAlignment="1">
      <alignment horizontal="center" vertical="center"/>
    </xf>
    <xf numFmtId="0" fontId="24" fillId="2" borderId="1" xfId="0" applyFont="1" applyFill="1" applyBorder="1" applyAlignment="1">
      <alignment horizontal="center" vertical="center" wrapText="1"/>
    </xf>
    <xf numFmtId="0" fontId="24" fillId="2" borderId="2" xfId="0" applyFont="1" applyFill="1" applyBorder="1" applyAlignment="1">
      <alignment horizontal="center" vertical="center"/>
    </xf>
    <xf numFmtId="0" fontId="24" fillId="2" borderId="33" xfId="0" applyFont="1" applyFill="1" applyBorder="1" applyAlignment="1">
      <alignment horizontal="center" vertical="center"/>
    </xf>
    <xf numFmtId="0" fontId="24" fillId="2" borderId="4" xfId="0" applyFont="1" applyFill="1" applyBorder="1" applyAlignment="1">
      <alignment horizontal="center" vertical="center"/>
    </xf>
    <xf numFmtId="0" fontId="24" fillId="2" borderId="0" xfId="0" applyFont="1" applyFill="1" applyAlignment="1">
      <alignment horizontal="center" vertical="center"/>
    </xf>
    <xf numFmtId="0" fontId="24" fillId="2" borderId="22" xfId="0" applyFont="1" applyFill="1" applyBorder="1" applyAlignment="1">
      <alignment horizontal="center" vertical="center"/>
    </xf>
    <xf numFmtId="0" fontId="24" fillId="2" borderId="6" xfId="0" applyFont="1" applyFill="1" applyBorder="1" applyAlignment="1">
      <alignment horizontal="center" vertical="center"/>
    </xf>
    <xf numFmtId="0" fontId="24" fillId="2" borderId="7" xfId="0" applyFont="1" applyFill="1" applyBorder="1" applyAlignment="1">
      <alignment horizontal="center" vertical="center"/>
    </xf>
    <xf numFmtId="0" fontId="24" fillId="2" borderId="34" xfId="0" applyFont="1" applyFill="1" applyBorder="1" applyAlignment="1">
      <alignment horizontal="center" vertical="center"/>
    </xf>
    <xf numFmtId="0" fontId="26" fillId="2" borderId="14" xfId="0" applyFont="1" applyFill="1" applyBorder="1" applyAlignment="1">
      <alignment horizontal="center" vertical="distributed" textRotation="255" justifyLastLine="1"/>
    </xf>
    <xf numFmtId="0" fontId="26" fillId="2" borderId="15" xfId="0" applyFont="1" applyFill="1" applyBorder="1" applyAlignment="1">
      <alignment horizontal="center" vertical="distributed" textRotation="255" justifyLastLine="1"/>
    </xf>
    <xf numFmtId="0" fontId="26" fillId="2" borderId="16" xfId="0" applyFont="1" applyFill="1" applyBorder="1" applyAlignment="1">
      <alignment horizontal="center" vertical="distributed" textRotation="255" justifyLastLine="1"/>
    </xf>
    <xf numFmtId="0" fontId="26" fillId="2" borderId="21" xfId="0" applyFont="1" applyFill="1" applyBorder="1" applyAlignment="1">
      <alignment horizontal="center" vertical="distributed" textRotation="255" justifyLastLine="1"/>
    </xf>
    <xf numFmtId="0" fontId="26" fillId="2" borderId="0" xfId="0" applyFont="1" applyFill="1" applyAlignment="1">
      <alignment horizontal="center" vertical="distributed" textRotation="255" justifyLastLine="1"/>
    </xf>
    <xf numFmtId="0" fontId="26" fillId="2" borderId="20" xfId="0" applyFont="1" applyFill="1" applyBorder="1" applyAlignment="1">
      <alignment horizontal="center" vertical="distributed" textRotation="255" justifyLastLine="1"/>
    </xf>
    <xf numFmtId="0" fontId="26" fillId="2" borderId="17" xfId="0" applyFont="1" applyFill="1" applyBorder="1" applyAlignment="1">
      <alignment horizontal="center" vertical="distributed" textRotation="255" justifyLastLine="1"/>
    </xf>
    <xf numFmtId="0" fontId="26" fillId="2" borderId="18" xfId="0" applyFont="1" applyFill="1" applyBorder="1" applyAlignment="1">
      <alignment horizontal="center" vertical="distributed" textRotation="255" justifyLastLine="1"/>
    </xf>
    <xf numFmtId="0" fontId="26" fillId="2" borderId="19" xfId="0" applyFont="1" applyFill="1" applyBorder="1" applyAlignment="1">
      <alignment horizontal="center" vertical="distributed" textRotation="255" justifyLastLine="1"/>
    </xf>
    <xf numFmtId="0" fontId="23" fillId="2" borderId="14" xfId="0" applyFont="1" applyFill="1" applyBorder="1" applyAlignment="1">
      <alignment horizontal="center" vertical="center"/>
    </xf>
    <xf numFmtId="0" fontId="23" fillId="2" borderId="15" xfId="0" applyFont="1" applyFill="1" applyBorder="1" applyAlignment="1">
      <alignment horizontal="center" vertical="center"/>
    </xf>
    <xf numFmtId="0" fontId="23" fillId="2" borderId="16" xfId="0" applyFont="1" applyFill="1" applyBorder="1" applyAlignment="1">
      <alignment horizontal="center" vertical="center"/>
    </xf>
    <xf numFmtId="0" fontId="23" fillId="2" borderId="17" xfId="0" applyFont="1" applyFill="1" applyBorder="1" applyAlignment="1">
      <alignment horizontal="center" vertical="center"/>
    </xf>
    <xf numFmtId="0" fontId="23" fillId="2" borderId="18" xfId="0" applyFont="1" applyFill="1" applyBorder="1" applyAlignment="1">
      <alignment horizontal="center" vertical="center"/>
    </xf>
    <xf numFmtId="0" fontId="23" fillId="2" borderId="19" xfId="0" applyFont="1" applyFill="1" applyBorder="1" applyAlignment="1">
      <alignment horizontal="center" vertical="center"/>
    </xf>
    <xf numFmtId="0" fontId="16" fillId="0" borderId="11" xfId="0" applyFont="1" applyBorder="1" applyAlignment="1">
      <alignment horizontal="center" vertical="center" shrinkToFit="1"/>
    </xf>
    <xf numFmtId="0" fontId="23" fillId="2" borderId="6" xfId="0" applyFont="1" applyFill="1" applyBorder="1" applyAlignment="1">
      <alignment horizontal="center" vertical="center"/>
    </xf>
    <xf numFmtId="0" fontId="23" fillId="2" borderId="7" xfId="0" applyFont="1" applyFill="1" applyBorder="1" applyAlignment="1">
      <alignment horizontal="center" vertical="center"/>
    </xf>
    <xf numFmtId="0" fontId="23" fillId="2" borderId="8" xfId="0" applyFont="1" applyFill="1" applyBorder="1" applyAlignment="1">
      <alignment horizontal="center" vertical="center"/>
    </xf>
    <xf numFmtId="0" fontId="21" fillId="0" borderId="1" xfId="0" applyFont="1" applyBorder="1" applyAlignment="1">
      <alignment horizontal="center" vertical="center" wrapText="1"/>
    </xf>
    <xf numFmtId="0" fontId="21" fillId="0" borderId="2" xfId="0" applyFont="1" applyBorder="1" applyAlignment="1">
      <alignment horizontal="center" vertical="center" wrapText="1"/>
    </xf>
    <xf numFmtId="0" fontId="21" fillId="0" borderId="3" xfId="0" applyFont="1" applyBorder="1" applyAlignment="1">
      <alignment horizontal="center" vertical="center" wrapText="1"/>
    </xf>
    <xf numFmtId="0" fontId="21" fillId="0" borderId="4" xfId="0" applyFont="1" applyBorder="1" applyAlignment="1">
      <alignment horizontal="center" vertical="center" wrapText="1"/>
    </xf>
    <xf numFmtId="0" fontId="21" fillId="0" borderId="0" xfId="0" applyFont="1" applyAlignment="1">
      <alignment horizontal="center" vertical="center" wrapText="1"/>
    </xf>
    <xf numFmtId="0" fontId="21" fillId="0" borderId="5" xfId="0" applyFont="1" applyBorder="1" applyAlignment="1">
      <alignment horizontal="center" vertical="center" wrapText="1"/>
    </xf>
    <xf numFmtId="0" fontId="21" fillId="0" borderId="6" xfId="0" applyFont="1" applyBorder="1" applyAlignment="1">
      <alignment horizontal="center" vertical="center" wrapText="1"/>
    </xf>
    <xf numFmtId="0" fontId="21" fillId="0" borderId="7" xfId="0" applyFont="1" applyBorder="1" applyAlignment="1">
      <alignment horizontal="center" vertical="center" wrapText="1"/>
    </xf>
    <xf numFmtId="0" fontId="21" fillId="0" borderId="8" xfId="0" applyFont="1" applyBorder="1" applyAlignment="1">
      <alignment horizontal="center" vertical="center" wrapText="1"/>
    </xf>
    <xf numFmtId="0" fontId="18" fillId="2" borderId="1" xfId="0" applyFont="1" applyFill="1" applyBorder="1" applyAlignment="1">
      <alignment horizontal="center" vertical="center" wrapText="1"/>
    </xf>
    <xf numFmtId="0" fontId="18" fillId="2" borderId="2" xfId="0" applyFont="1" applyFill="1" applyBorder="1" applyAlignment="1">
      <alignment horizontal="center" vertical="center" wrapText="1"/>
    </xf>
    <xf numFmtId="0" fontId="18" fillId="2" borderId="3" xfId="0" applyFont="1" applyFill="1" applyBorder="1" applyAlignment="1">
      <alignment horizontal="center" vertical="center" wrapText="1"/>
    </xf>
    <xf numFmtId="0" fontId="18" fillId="2" borderId="4" xfId="0" applyFont="1" applyFill="1" applyBorder="1" applyAlignment="1">
      <alignment horizontal="center" vertical="center" wrapText="1"/>
    </xf>
    <xf numFmtId="0" fontId="18" fillId="2" borderId="0" xfId="0" applyFont="1" applyFill="1" applyAlignment="1">
      <alignment horizontal="center" vertical="center" wrapText="1"/>
    </xf>
    <xf numFmtId="0" fontId="18" fillId="2" borderId="5" xfId="0" applyFont="1" applyFill="1" applyBorder="1" applyAlignment="1">
      <alignment horizontal="center" vertical="center" wrapText="1"/>
    </xf>
    <xf numFmtId="0" fontId="18" fillId="2" borderId="6" xfId="0" applyFont="1" applyFill="1" applyBorder="1" applyAlignment="1">
      <alignment horizontal="center" vertical="center" wrapText="1"/>
    </xf>
    <xf numFmtId="0" fontId="18" fillId="2" borderId="7" xfId="0" applyFont="1" applyFill="1" applyBorder="1" applyAlignment="1">
      <alignment horizontal="center" vertical="center" wrapText="1"/>
    </xf>
    <xf numFmtId="0" fontId="18" fillId="2" borderId="8" xfId="0" applyFont="1" applyFill="1" applyBorder="1" applyAlignment="1">
      <alignment horizontal="center" vertical="center" wrapText="1"/>
    </xf>
    <xf numFmtId="178" fontId="42" fillId="0" borderId="11" xfId="0" applyNumberFormat="1" applyFont="1" applyBorder="1" applyAlignment="1">
      <alignment horizontal="right" shrinkToFit="1"/>
    </xf>
    <xf numFmtId="0" fontId="41" fillId="0" borderId="12" xfId="0" applyFont="1" applyBorder="1" applyAlignment="1">
      <alignment horizontal="center" vertical="center"/>
    </xf>
    <xf numFmtId="0" fontId="18" fillId="2" borderId="11" xfId="0" applyFont="1" applyFill="1" applyBorder="1" applyAlignment="1">
      <alignment horizontal="center" vertical="center" textRotation="255"/>
    </xf>
    <xf numFmtId="9" fontId="20" fillId="0" borderId="1" xfId="2" applyFont="1" applyBorder="1" applyAlignment="1">
      <alignment horizontal="center" shrinkToFit="1"/>
    </xf>
    <xf numFmtId="9" fontId="20" fillId="0" borderId="2" xfId="2" applyFont="1" applyBorder="1" applyAlignment="1">
      <alignment horizontal="center" shrinkToFit="1"/>
    </xf>
    <xf numFmtId="9" fontId="20" fillId="0" borderId="3" xfId="2" applyFont="1" applyBorder="1" applyAlignment="1">
      <alignment horizontal="center" shrinkToFit="1"/>
    </xf>
    <xf numFmtId="9" fontId="20" fillId="0" borderId="4" xfId="2" applyFont="1" applyBorder="1" applyAlignment="1">
      <alignment horizontal="center" shrinkToFit="1"/>
    </xf>
    <xf numFmtId="9" fontId="20" fillId="0" borderId="0" xfId="2" applyFont="1" applyAlignment="1">
      <alignment horizontal="center" shrinkToFit="1"/>
    </xf>
    <xf numFmtId="9" fontId="20" fillId="0" borderId="5" xfId="2" applyFont="1" applyBorder="1" applyAlignment="1">
      <alignment horizontal="center" shrinkToFit="1"/>
    </xf>
    <xf numFmtId="9" fontId="20" fillId="0" borderId="6" xfId="2" applyFont="1" applyBorder="1" applyAlignment="1">
      <alignment horizontal="center" shrinkToFit="1"/>
    </xf>
    <xf numFmtId="9" fontId="20" fillId="0" borderId="7" xfId="2" applyFont="1" applyBorder="1" applyAlignment="1">
      <alignment horizontal="center" shrinkToFit="1"/>
    </xf>
    <xf numFmtId="9" fontId="20" fillId="0" borderId="8" xfId="2" applyFont="1" applyBorder="1" applyAlignment="1">
      <alignment horizontal="center" shrinkToFit="1"/>
    </xf>
    <xf numFmtId="178" fontId="39" fillId="0" borderId="1" xfId="0" applyNumberFormat="1" applyFont="1" applyBorder="1" applyAlignment="1">
      <alignment horizontal="right" shrinkToFit="1"/>
    </xf>
    <xf numFmtId="178" fontId="39" fillId="0" borderId="2" xfId="0" applyNumberFormat="1" applyFont="1" applyBorder="1" applyAlignment="1">
      <alignment horizontal="right" shrinkToFit="1"/>
    </xf>
    <xf numFmtId="178" fontId="39" fillId="0" borderId="3" xfId="0" applyNumberFormat="1" applyFont="1" applyBorder="1" applyAlignment="1">
      <alignment horizontal="right" shrinkToFit="1"/>
    </xf>
    <xf numFmtId="178" fontId="39" fillId="0" borderId="4" xfId="0" applyNumberFormat="1" applyFont="1" applyBorder="1" applyAlignment="1">
      <alignment horizontal="right" shrinkToFit="1"/>
    </xf>
    <xf numFmtId="178" fontId="39" fillId="0" borderId="0" xfId="0" applyNumberFormat="1" applyFont="1" applyAlignment="1">
      <alignment horizontal="right" shrinkToFit="1"/>
    </xf>
    <xf numFmtId="178" fontId="39" fillId="0" borderId="5" xfId="0" applyNumberFormat="1" applyFont="1" applyBorder="1" applyAlignment="1">
      <alignment horizontal="right" shrinkToFit="1"/>
    </xf>
    <xf numFmtId="0" fontId="41" fillId="0" borderId="2" xfId="0" applyFont="1" applyBorder="1" applyAlignment="1">
      <alignment horizontal="left" vertical="center"/>
    </xf>
    <xf numFmtId="0" fontId="41" fillId="0" borderId="0" xfId="0" applyFont="1" applyAlignment="1">
      <alignment horizontal="left" vertical="center"/>
    </xf>
    <xf numFmtId="0" fontId="41" fillId="0" borderId="7" xfId="0" applyFont="1" applyBorder="1" applyAlignment="1">
      <alignment horizontal="left" vertical="center"/>
    </xf>
    <xf numFmtId="0" fontId="41" fillId="0" borderId="13" xfId="0" applyFont="1" applyBorder="1" applyAlignment="1">
      <alignment horizontal="center" vertical="center"/>
    </xf>
    <xf numFmtId="178" fontId="0" fillId="0" borderId="11" xfId="0" applyNumberFormat="1" applyBorder="1" applyAlignment="1">
      <alignment horizontal="right" shrinkToFit="1"/>
    </xf>
    <xf numFmtId="178" fontId="7" fillId="0" borderId="1" xfId="0" applyNumberFormat="1" applyFont="1" applyBorder="1" applyAlignment="1">
      <alignment horizontal="center" shrinkToFit="1"/>
    </xf>
    <xf numFmtId="178" fontId="7" fillId="0" borderId="2" xfId="0" applyNumberFormat="1" applyFont="1" applyBorder="1" applyAlignment="1">
      <alignment horizontal="center" shrinkToFit="1"/>
    </xf>
    <xf numFmtId="178" fontId="7" fillId="0" borderId="3" xfId="0" applyNumberFormat="1" applyFont="1" applyBorder="1" applyAlignment="1">
      <alignment horizontal="center" shrinkToFit="1"/>
    </xf>
    <xf numFmtId="178" fontId="7" fillId="0" borderId="4" xfId="0" applyNumberFormat="1" applyFont="1" applyBorder="1" applyAlignment="1">
      <alignment horizontal="center" shrinkToFit="1"/>
    </xf>
    <xf numFmtId="178" fontId="7" fillId="0" borderId="0" xfId="0" applyNumberFormat="1" applyFont="1" applyAlignment="1">
      <alignment horizontal="center" shrinkToFit="1"/>
    </xf>
    <xf numFmtId="178" fontId="7" fillId="0" borderId="5" xfId="0" applyNumberFormat="1" applyFont="1" applyBorder="1" applyAlignment="1">
      <alignment horizontal="center" shrinkToFit="1"/>
    </xf>
    <xf numFmtId="178" fontId="7" fillId="0" borderId="6" xfId="0" applyNumberFormat="1" applyFont="1" applyBorder="1" applyAlignment="1">
      <alignment horizontal="center" shrinkToFit="1"/>
    </xf>
    <xf numFmtId="178" fontId="7" fillId="0" borderId="7" xfId="0" applyNumberFormat="1" applyFont="1" applyBorder="1" applyAlignment="1">
      <alignment horizontal="center" shrinkToFit="1"/>
    </xf>
    <xf numFmtId="178" fontId="7" fillId="0" borderId="8" xfId="0" applyNumberFormat="1" applyFont="1" applyBorder="1" applyAlignment="1">
      <alignment horizontal="center" shrinkToFit="1"/>
    </xf>
    <xf numFmtId="0" fontId="0" fillId="0" borderId="11" xfId="0" applyBorder="1" applyAlignment="1">
      <alignment horizontal="center"/>
    </xf>
    <xf numFmtId="0" fontId="4" fillId="0" borderId="12" xfId="0" applyFont="1" applyBorder="1" applyAlignment="1">
      <alignment horizontal="center"/>
    </xf>
    <xf numFmtId="0" fontId="4" fillId="0" borderId="13" xfId="0" applyFont="1" applyBorder="1" applyAlignment="1">
      <alignment horizontal="center" vertical="center" shrinkToFit="1"/>
    </xf>
    <xf numFmtId="0" fontId="4" fillId="0" borderId="11" xfId="0" applyFont="1" applyBorder="1" applyAlignment="1">
      <alignment horizontal="center" vertical="center" shrinkToFit="1"/>
    </xf>
    <xf numFmtId="0" fontId="4" fillId="0" borderId="12" xfId="0" applyFont="1" applyBorder="1" applyAlignment="1">
      <alignment horizontal="center" vertical="center" shrinkToFit="1"/>
    </xf>
    <xf numFmtId="0" fontId="4" fillId="0" borderId="13" xfId="0" applyFont="1" applyBorder="1" applyAlignment="1">
      <alignment horizontal="center" shrinkToFit="1"/>
    </xf>
    <xf numFmtId="178" fontId="39" fillId="0" borderId="6" xfId="0" applyNumberFormat="1" applyFont="1" applyBorder="1" applyAlignment="1">
      <alignment horizontal="right" shrinkToFit="1"/>
    </xf>
    <xf numFmtId="178" fontId="39" fillId="0" borderId="7" xfId="0" applyNumberFormat="1" applyFont="1" applyBorder="1" applyAlignment="1">
      <alignment horizontal="right" shrinkToFit="1"/>
    </xf>
    <xf numFmtId="178" fontId="39" fillId="0" borderId="8" xfId="0" applyNumberFormat="1" applyFont="1" applyBorder="1" applyAlignment="1">
      <alignment horizontal="right" shrinkToFit="1"/>
    </xf>
    <xf numFmtId="179" fontId="0" fillId="0" borderId="11" xfId="0" applyNumberFormat="1" applyBorder="1" applyAlignment="1">
      <alignment horizontal="right" shrinkToFit="1"/>
    </xf>
    <xf numFmtId="178" fontId="0" fillId="0" borderId="11" xfId="0" applyNumberFormat="1" applyBorder="1" applyAlignment="1">
      <alignment horizontal="center" shrinkToFit="1"/>
    </xf>
    <xf numFmtId="178" fontId="0" fillId="0" borderId="1" xfId="0" applyNumberFormat="1" applyBorder="1" applyAlignment="1">
      <alignment horizontal="center" shrinkToFit="1"/>
    </xf>
    <xf numFmtId="178" fontId="0" fillId="0" borderId="2" xfId="0" applyNumberFormat="1" applyBorder="1" applyAlignment="1">
      <alignment horizontal="center" shrinkToFit="1"/>
    </xf>
    <xf numFmtId="178" fontId="0" fillId="0" borderId="3" xfId="0" applyNumberFormat="1" applyBorder="1" applyAlignment="1">
      <alignment horizontal="center" shrinkToFit="1"/>
    </xf>
    <xf numFmtId="178" fontId="0" fillId="0" borderId="4" xfId="0" applyNumberFormat="1" applyBorder="1" applyAlignment="1">
      <alignment horizontal="center" shrinkToFit="1"/>
    </xf>
    <xf numFmtId="178" fontId="0" fillId="0" borderId="0" xfId="0" applyNumberFormat="1" applyAlignment="1">
      <alignment horizontal="center" shrinkToFit="1"/>
    </xf>
    <xf numFmtId="178" fontId="0" fillId="0" borderId="5" xfId="0" applyNumberFormat="1" applyBorder="1" applyAlignment="1">
      <alignment horizontal="center" shrinkToFit="1"/>
    </xf>
    <xf numFmtId="178" fontId="0" fillId="0" borderId="6" xfId="0" applyNumberFormat="1" applyBorder="1" applyAlignment="1">
      <alignment horizontal="center" shrinkToFit="1"/>
    </xf>
    <xf numFmtId="178" fontId="0" fillId="0" borderId="7" xfId="0" applyNumberFormat="1" applyBorder="1" applyAlignment="1">
      <alignment horizontal="center" shrinkToFit="1"/>
    </xf>
    <xf numFmtId="178" fontId="0" fillId="0" borderId="8" xfId="0" applyNumberFormat="1" applyBorder="1" applyAlignment="1">
      <alignment horizontal="center" shrinkToFit="1"/>
    </xf>
    <xf numFmtId="0" fontId="4" fillId="0" borderId="13" xfId="0" applyFont="1" applyBorder="1" applyAlignment="1">
      <alignment horizontal="left" vertical="center" shrinkToFit="1"/>
    </xf>
    <xf numFmtId="0" fontId="4" fillId="0" borderId="11" xfId="0" applyFont="1" applyBorder="1" applyAlignment="1">
      <alignment horizontal="left" vertical="center" shrinkToFit="1"/>
    </xf>
    <xf numFmtId="0" fontId="4" fillId="0" borderId="12" xfId="0" applyFont="1" applyBorder="1" applyAlignment="1">
      <alignment horizontal="left" vertical="center" shrinkToFit="1"/>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4" xfId="0" applyFont="1" applyBorder="1" applyAlignment="1">
      <alignment horizontal="center" vertical="center"/>
    </xf>
    <xf numFmtId="0" fontId="2" fillId="0" borderId="0" xfId="0" applyFont="1" applyAlignment="1">
      <alignment horizontal="center" vertical="center"/>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3" xfId="0" applyFont="1" applyBorder="1" applyAlignment="1">
      <alignment horizontal="center" vertical="center"/>
    </xf>
    <xf numFmtId="0" fontId="2" fillId="0" borderId="5" xfId="0" applyFont="1" applyBorder="1" applyAlignment="1">
      <alignment horizontal="center" vertical="center"/>
    </xf>
    <xf numFmtId="0" fontId="2" fillId="0" borderId="8" xfId="0" applyFont="1" applyBorder="1" applyAlignment="1">
      <alignment horizontal="center" vertical="center"/>
    </xf>
    <xf numFmtId="178" fontId="40" fillId="0" borderId="1" xfId="0" applyNumberFormat="1" applyFont="1" applyBorder="1" applyAlignment="1">
      <alignment horizontal="right" shrinkToFit="1"/>
    </xf>
    <xf numFmtId="178" fontId="40" fillId="0" borderId="2" xfId="0" applyNumberFormat="1" applyFont="1" applyBorder="1" applyAlignment="1">
      <alignment horizontal="right" shrinkToFit="1"/>
    </xf>
    <xf numFmtId="178" fontId="40" fillId="0" borderId="3" xfId="0" applyNumberFormat="1" applyFont="1" applyBorder="1" applyAlignment="1">
      <alignment horizontal="right" shrinkToFit="1"/>
    </xf>
    <xf numFmtId="178" fontId="40" fillId="0" borderId="4" xfId="0" applyNumberFormat="1" applyFont="1" applyBorder="1" applyAlignment="1">
      <alignment horizontal="right" shrinkToFit="1"/>
    </xf>
    <xf numFmtId="178" fontId="40" fillId="0" borderId="0" xfId="0" applyNumberFormat="1" applyFont="1" applyAlignment="1">
      <alignment horizontal="right" shrinkToFit="1"/>
    </xf>
    <xf numFmtId="178" fontId="40" fillId="0" borderId="5" xfId="0" applyNumberFormat="1" applyFont="1" applyBorder="1" applyAlignment="1">
      <alignment horizontal="right" shrinkToFit="1"/>
    </xf>
    <xf numFmtId="178" fontId="40" fillId="0" borderId="6" xfId="0" applyNumberFormat="1" applyFont="1" applyBorder="1" applyAlignment="1">
      <alignment horizontal="right" shrinkToFit="1"/>
    </xf>
    <xf numFmtId="178" fontId="40" fillId="0" borderId="7" xfId="0" applyNumberFormat="1" applyFont="1" applyBorder="1" applyAlignment="1">
      <alignment horizontal="right" shrinkToFit="1"/>
    </xf>
    <xf numFmtId="178" fontId="40" fillId="0" borderId="8" xfId="0" applyNumberFormat="1" applyFont="1" applyBorder="1" applyAlignment="1">
      <alignment horizontal="right" shrinkToFit="1"/>
    </xf>
    <xf numFmtId="0" fontId="17" fillId="0" borderId="1" xfId="0" applyFont="1" applyBorder="1" applyAlignment="1">
      <alignment horizontal="left" vertical="center"/>
    </xf>
    <xf numFmtId="0" fontId="17" fillId="0" borderId="2" xfId="0" applyFont="1" applyBorder="1" applyAlignment="1">
      <alignment horizontal="left" vertical="center"/>
    </xf>
    <xf numFmtId="0" fontId="17" fillId="0" borderId="3" xfId="0" applyFont="1" applyBorder="1" applyAlignment="1">
      <alignment horizontal="left" vertical="center"/>
    </xf>
    <xf numFmtId="0" fontId="17" fillId="0" borderId="4" xfId="0" applyFont="1" applyBorder="1" applyAlignment="1">
      <alignment horizontal="left" vertical="center"/>
    </xf>
    <xf numFmtId="0" fontId="17" fillId="0" borderId="0" xfId="0" applyFont="1" applyAlignment="1">
      <alignment horizontal="left" vertical="center"/>
    </xf>
    <xf numFmtId="0" fontId="17" fillId="0" borderId="5" xfId="0" applyFont="1" applyBorder="1" applyAlignment="1">
      <alignment horizontal="left" vertical="center"/>
    </xf>
    <xf numFmtId="178" fontId="0" fillId="0" borderId="4" xfId="0" applyNumberFormat="1" applyBorder="1" applyAlignment="1">
      <alignment horizontal="right" vertical="center" shrinkToFit="1"/>
    </xf>
    <xf numFmtId="178" fontId="0" fillId="0" borderId="0" xfId="0" applyNumberFormat="1" applyAlignment="1">
      <alignment horizontal="right" vertical="center" shrinkToFit="1"/>
    </xf>
    <xf numFmtId="178" fontId="0" fillId="0" borderId="5" xfId="0" applyNumberFormat="1" applyBorder="1" applyAlignment="1">
      <alignment horizontal="right" vertical="center" shrinkToFit="1"/>
    </xf>
    <xf numFmtId="178" fontId="0" fillId="0" borderId="6" xfId="0" applyNumberFormat="1" applyBorder="1" applyAlignment="1">
      <alignment horizontal="right" vertical="center" shrinkToFit="1"/>
    </xf>
    <xf numFmtId="178" fontId="0" fillId="0" borderId="7" xfId="0" applyNumberFormat="1" applyBorder="1" applyAlignment="1">
      <alignment horizontal="right" vertical="center" shrinkToFit="1"/>
    </xf>
    <xf numFmtId="178" fontId="0" fillId="0" borderId="8" xfId="0" applyNumberFormat="1" applyBorder="1" applyAlignment="1">
      <alignment horizontal="right" vertical="center" shrinkToFit="1"/>
    </xf>
    <xf numFmtId="0" fontId="8" fillId="2" borderId="0" xfId="0" applyFont="1" applyFill="1" applyAlignment="1">
      <alignment horizontal="distributed" wrapText="1"/>
    </xf>
    <xf numFmtId="0" fontId="36" fillId="2" borderId="11"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2" xfId="0" applyFont="1" applyFill="1" applyBorder="1" applyAlignment="1">
      <alignment horizontal="center" vertical="center"/>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0" xfId="0" applyFont="1" applyFill="1" applyAlignment="1">
      <alignment horizontal="center" vertical="center"/>
    </xf>
    <xf numFmtId="0" fontId="8" fillId="2" borderId="5"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7" xfId="0" applyFont="1" applyFill="1" applyBorder="1" applyAlignment="1">
      <alignment horizontal="center" vertical="center"/>
    </xf>
    <xf numFmtId="0" fontId="8" fillId="2" borderId="8" xfId="0" applyFont="1" applyFill="1" applyBorder="1" applyAlignment="1">
      <alignment horizontal="center" vertical="center"/>
    </xf>
    <xf numFmtId="0" fontId="15" fillId="2" borderId="2" xfId="0" applyFont="1" applyFill="1" applyBorder="1" applyAlignment="1">
      <alignment horizontal="distributed" vertical="center"/>
    </xf>
    <xf numFmtId="0" fontId="15" fillId="2" borderId="7" xfId="0" applyFont="1" applyFill="1" applyBorder="1" applyAlignment="1">
      <alignment horizontal="distributed" vertical="center"/>
    </xf>
    <xf numFmtId="0" fontId="17" fillId="2" borderId="2" xfId="0" applyFont="1" applyFill="1" applyBorder="1" applyAlignment="1">
      <alignment horizontal="distributed" vertical="center"/>
    </xf>
    <xf numFmtId="0" fontId="17" fillId="2" borderId="7" xfId="0" applyFont="1" applyFill="1" applyBorder="1" applyAlignment="1">
      <alignment horizontal="distributed" vertical="center"/>
    </xf>
    <xf numFmtId="0" fontId="4" fillId="2" borderId="1" xfId="0" applyFont="1" applyFill="1" applyBorder="1" applyAlignment="1">
      <alignment horizontal="center" vertical="center"/>
    </xf>
    <xf numFmtId="0" fontId="4" fillId="2" borderId="4" xfId="0" applyFont="1" applyFill="1" applyBorder="1" applyAlignment="1">
      <alignment horizontal="center" vertical="center"/>
    </xf>
    <xf numFmtId="0" fontId="2" fillId="2" borderId="3" xfId="0" applyFont="1" applyFill="1" applyBorder="1" applyAlignment="1">
      <alignment horizontal="center" vertical="center"/>
    </xf>
    <xf numFmtId="0" fontId="2" fillId="2" borderId="5"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3" xfId="0" applyFont="1" applyFill="1" applyBorder="1" applyAlignment="1">
      <alignment horizontal="center" vertical="center"/>
    </xf>
    <xf numFmtId="0" fontId="4" fillId="2" borderId="5" xfId="0" applyFont="1" applyFill="1" applyBorder="1" applyAlignment="1">
      <alignment horizontal="center" vertical="center"/>
    </xf>
    <xf numFmtId="0" fontId="4" fillId="2" borderId="8" xfId="0" applyFont="1" applyFill="1" applyBorder="1" applyAlignment="1">
      <alignment horizontal="center" vertical="center"/>
    </xf>
    <xf numFmtId="0" fontId="17" fillId="2" borderId="0" xfId="0" applyFont="1" applyFill="1" applyAlignment="1">
      <alignment horizontal="center" vertical="center"/>
    </xf>
    <xf numFmtId="49" fontId="7" fillId="0" borderId="1" xfId="0" quotePrefix="1" applyNumberFormat="1" applyFont="1" applyBorder="1" applyAlignment="1">
      <alignment horizontal="center" vertical="center"/>
    </xf>
    <xf numFmtId="49" fontId="7" fillId="0" borderId="2" xfId="0" applyNumberFormat="1" applyFont="1" applyBorder="1" applyAlignment="1">
      <alignment horizontal="center" vertical="center"/>
    </xf>
    <xf numFmtId="49" fontId="7" fillId="0" borderId="3" xfId="0" applyNumberFormat="1" applyFont="1" applyBorder="1" applyAlignment="1">
      <alignment horizontal="center" vertical="center"/>
    </xf>
    <xf numFmtId="49" fontId="7" fillId="0" borderId="4" xfId="0" applyNumberFormat="1" applyFont="1" applyBorder="1" applyAlignment="1">
      <alignment horizontal="center" vertical="center"/>
    </xf>
    <xf numFmtId="49" fontId="7" fillId="0" borderId="0" xfId="0" applyNumberFormat="1" applyFont="1" applyAlignment="1">
      <alignment horizontal="center" vertical="center"/>
    </xf>
    <xf numFmtId="49" fontId="7" fillId="0" borderId="5" xfId="0" applyNumberFormat="1" applyFont="1" applyBorder="1" applyAlignment="1">
      <alignment horizontal="center" vertical="center"/>
    </xf>
    <xf numFmtId="49" fontId="7" fillId="0" borderId="6" xfId="0" applyNumberFormat="1" applyFont="1" applyBorder="1" applyAlignment="1">
      <alignment horizontal="center" vertical="center"/>
    </xf>
    <xf numFmtId="49" fontId="7" fillId="0" borderId="7" xfId="0" applyNumberFormat="1" applyFont="1" applyBorder="1" applyAlignment="1">
      <alignment horizontal="center" vertical="center"/>
    </xf>
    <xf numFmtId="49" fontId="7" fillId="0" borderId="8" xfId="0" applyNumberFormat="1" applyFont="1" applyBorder="1" applyAlignment="1">
      <alignment horizontal="center" vertical="center"/>
    </xf>
    <xf numFmtId="0" fontId="15" fillId="0" borderId="0" xfId="0" applyFont="1" applyAlignment="1">
      <alignment horizontal="left"/>
    </xf>
    <xf numFmtId="0" fontId="15" fillId="0" borderId="7" xfId="0" applyFont="1" applyBorder="1" applyAlignment="1">
      <alignment horizontal="left"/>
    </xf>
    <xf numFmtId="49" fontId="9" fillId="0" borderId="0" xfId="0" applyNumberFormat="1" applyFont="1" applyAlignment="1">
      <alignment horizontal="distributed" vertical="center" justifyLastLine="1"/>
    </xf>
    <xf numFmtId="49" fontId="9" fillId="0" borderId="7" xfId="0" applyNumberFormat="1" applyFont="1" applyBorder="1" applyAlignment="1">
      <alignment horizontal="distributed" vertical="center" justifyLastLine="1"/>
    </xf>
    <xf numFmtId="0" fontId="4" fillId="0" borderId="7" xfId="0" applyFont="1" applyBorder="1" applyAlignment="1">
      <alignment horizontal="center" vertical="center"/>
    </xf>
    <xf numFmtId="49" fontId="4" fillId="0" borderId="0" xfId="0" applyNumberFormat="1" applyFont="1" applyAlignment="1">
      <alignment horizontal="distributed" vertical="center" justifyLastLine="1"/>
    </xf>
    <xf numFmtId="49" fontId="4" fillId="0" borderId="7" xfId="0" applyNumberFormat="1" applyFont="1" applyBorder="1" applyAlignment="1">
      <alignment horizontal="distributed" vertical="center" justifyLastLine="1"/>
    </xf>
    <xf numFmtId="0" fontId="4" fillId="0" borderId="2" xfId="0" applyFont="1" applyBorder="1" applyAlignment="1">
      <alignment horizontal="center" vertical="center"/>
    </xf>
    <xf numFmtId="0" fontId="4" fillId="0" borderId="2" xfId="0" applyFont="1" applyBorder="1" applyAlignment="1">
      <alignment horizontal="left" vertical="center" shrinkToFit="1"/>
    </xf>
    <xf numFmtId="0" fontId="4" fillId="0" borderId="0" xfId="0" applyFont="1" applyAlignment="1">
      <alignment horizontal="left" vertical="center" shrinkToFit="1"/>
    </xf>
    <xf numFmtId="0" fontId="4" fillId="0" borderId="7" xfId="0" applyFont="1" applyBorder="1" applyAlignment="1">
      <alignment horizontal="left" vertical="center" shrinkToFit="1"/>
    </xf>
    <xf numFmtId="0" fontId="4" fillId="0" borderId="3" xfId="0" applyFont="1" applyBorder="1" applyAlignment="1">
      <alignment horizontal="center" vertical="center"/>
    </xf>
    <xf numFmtId="0" fontId="4" fillId="0" borderId="5" xfId="0" applyFont="1" applyBorder="1" applyAlignment="1">
      <alignment horizontal="center" vertical="center"/>
    </xf>
    <xf numFmtId="0" fontId="4" fillId="0" borderId="8" xfId="0" applyFont="1" applyBorder="1" applyAlignment="1">
      <alignment horizontal="center" vertical="center"/>
    </xf>
    <xf numFmtId="178" fontId="14" fillId="0" borderId="4" xfId="0" applyNumberFormat="1" applyFont="1" applyBorder="1" applyAlignment="1">
      <alignment horizontal="right" vertical="center" shrinkToFit="1"/>
    </xf>
    <xf numFmtId="178" fontId="14" fillId="0" borderId="0" xfId="0" applyNumberFormat="1" applyFont="1" applyAlignment="1">
      <alignment horizontal="right" vertical="center" shrinkToFit="1"/>
    </xf>
    <xf numFmtId="178" fontId="14" fillId="0" borderId="5" xfId="0" applyNumberFormat="1" applyFont="1" applyBorder="1" applyAlignment="1">
      <alignment horizontal="right" vertical="center" shrinkToFit="1"/>
    </xf>
    <xf numFmtId="178" fontId="14" fillId="0" borderId="6" xfId="0" applyNumberFormat="1" applyFont="1" applyBorder="1" applyAlignment="1">
      <alignment horizontal="right" vertical="center" shrinkToFit="1"/>
    </xf>
    <xf numFmtId="178" fontId="14" fillId="0" borderId="7" xfId="0" applyNumberFormat="1" applyFont="1" applyBorder="1" applyAlignment="1">
      <alignment horizontal="right" vertical="center" shrinkToFit="1"/>
    </xf>
    <xf numFmtId="178" fontId="14" fillId="0" borderId="8" xfId="0" applyNumberFormat="1" applyFont="1" applyBorder="1" applyAlignment="1">
      <alignment horizontal="right" vertical="center" shrinkToFit="1"/>
    </xf>
    <xf numFmtId="0" fontId="8" fillId="0" borderId="0" xfId="0" applyFont="1" applyAlignment="1">
      <alignment horizontal="distributed" vertical="center"/>
    </xf>
    <xf numFmtId="0" fontId="8" fillId="0" borderId="7" xfId="0" applyFont="1" applyBorder="1" applyAlignment="1">
      <alignment horizontal="distributed" vertical="center"/>
    </xf>
    <xf numFmtId="0" fontId="8" fillId="0" borderId="0" xfId="0" applyFont="1" applyAlignment="1">
      <alignment horizontal="distributed"/>
    </xf>
    <xf numFmtId="0" fontId="9" fillId="0" borderId="0" xfId="0" applyFont="1" applyAlignment="1">
      <alignment horizontal="left" vertical="center" shrinkToFit="1"/>
    </xf>
    <xf numFmtId="0" fontId="12" fillId="0" borderId="0" xfId="0" applyFont="1" applyAlignment="1">
      <alignment horizontal="center"/>
    </xf>
    <xf numFmtId="0" fontId="8" fillId="2" borderId="2" xfId="0" applyFont="1" applyFill="1" applyBorder="1" applyAlignment="1">
      <alignment horizontal="distributed" vertical="center" wrapText="1" justifyLastLine="1"/>
    </xf>
    <xf numFmtId="0" fontId="8" fillId="2" borderId="2" xfId="0" applyFont="1" applyFill="1" applyBorder="1" applyAlignment="1">
      <alignment horizontal="distributed" vertical="center" justifyLastLine="1"/>
    </xf>
    <xf numFmtId="0" fontId="8" fillId="2" borderId="0" xfId="0" applyFont="1" applyFill="1" applyAlignment="1">
      <alignment horizontal="distributed" vertical="center" wrapText="1" justifyLastLine="1"/>
    </xf>
    <xf numFmtId="0" fontId="8" fillId="2" borderId="0" xfId="0" applyFont="1" applyFill="1" applyAlignment="1">
      <alignment horizontal="distributed" vertical="center" justifyLastLine="1"/>
    </xf>
    <xf numFmtId="0" fontId="8" fillId="2" borderId="7" xfId="0" applyFont="1" applyFill="1" applyBorder="1" applyAlignment="1">
      <alignment horizontal="distributed" vertical="center" justifyLastLine="1"/>
    </xf>
    <xf numFmtId="0" fontId="8" fillId="0" borderId="1" xfId="0" applyFont="1" applyBorder="1" applyAlignment="1">
      <alignment horizontal="right"/>
    </xf>
    <xf numFmtId="0" fontId="8" fillId="0" borderId="2" xfId="0" applyFont="1" applyBorder="1" applyAlignment="1">
      <alignment horizontal="right"/>
    </xf>
    <xf numFmtId="0" fontId="8" fillId="0" borderId="3" xfId="0" applyFont="1" applyBorder="1" applyAlignment="1">
      <alignment horizontal="right"/>
    </xf>
    <xf numFmtId="0" fontId="8" fillId="0" borderId="4" xfId="0" applyFont="1" applyBorder="1" applyAlignment="1">
      <alignment horizontal="right"/>
    </xf>
    <xf numFmtId="0" fontId="8" fillId="0" borderId="0" xfId="0" applyFont="1" applyAlignment="1">
      <alignment horizontal="right"/>
    </xf>
    <xf numFmtId="0" fontId="8" fillId="0" borderId="5" xfId="0" applyFont="1" applyBorder="1" applyAlignment="1">
      <alignment horizontal="right"/>
    </xf>
    <xf numFmtId="0" fontId="8" fillId="2" borderId="7" xfId="0" applyFont="1" applyFill="1" applyBorder="1" applyAlignment="1">
      <alignment horizontal="distributed" vertical="center" wrapText="1" justifyLastLine="1"/>
    </xf>
    <xf numFmtId="0" fontId="2" fillId="0" borderId="11" xfId="0" applyFont="1" applyBorder="1" applyAlignment="1">
      <alignment horizontal="center" vertical="center"/>
    </xf>
    <xf numFmtId="0" fontId="8" fillId="2" borderId="11" xfId="0" applyFont="1" applyFill="1" applyBorder="1" applyAlignment="1">
      <alignment horizontal="center" vertical="center" justifyLastLine="1"/>
    </xf>
    <xf numFmtId="0" fontId="9" fillId="0" borderId="2" xfId="0" applyFont="1" applyBorder="1" applyAlignment="1">
      <alignment horizontal="center" vertical="center"/>
    </xf>
    <xf numFmtId="0" fontId="9" fillId="0" borderId="0" xfId="0" applyFont="1" applyAlignment="1">
      <alignment horizontal="center" vertical="center"/>
    </xf>
    <xf numFmtId="0" fontId="9" fillId="0" borderId="7" xfId="0" applyFont="1" applyBorder="1" applyAlignment="1">
      <alignment horizontal="center"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0" xfId="0" applyFont="1" applyAlignment="1">
      <alignment horizontal="center" vertical="center"/>
    </xf>
    <xf numFmtId="0" fontId="8" fillId="0" borderId="5"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2" borderId="11" xfId="0" applyFont="1" applyFill="1" applyBorder="1" applyAlignment="1">
      <alignment horizontal="center" vertical="center" wrapText="1" justifyLastLine="1"/>
    </xf>
    <xf numFmtId="0" fontId="0" fillId="0" borderId="0" xfId="0" applyAlignment="1">
      <alignment horizontal="left" shrinkToFit="1"/>
    </xf>
    <xf numFmtId="0" fontId="8" fillId="0" borderId="1" xfId="0" applyFont="1" applyBorder="1" applyAlignment="1">
      <alignment horizontal="right" vertical="center"/>
    </xf>
    <xf numFmtId="0" fontId="8" fillId="0" borderId="2" xfId="0" applyFont="1" applyBorder="1" applyAlignment="1">
      <alignment horizontal="right" vertical="center"/>
    </xf>
    <xf numFmtId="0" fontId="8" fillId="0" borderId="4" xfId="0" applyFont="1" applyBorder="1" applyAlignment="1">
      <alignment horizontal="right" vertical="center"/>
    </xf>
    <xf numFmtId="0" fontId="8" fillId="0" borderId="0" xfId="0" applyFont="1" applyAlignment="1">
      <alignment horizontal="right" vertical="center"/>
    </xf>
    <xf numFmtId="0" fontId="8" fillId="0" borderId="6" xfId="0" applyFont="1" applyBorder="1" applyAlignment="1">
      <alignment horizontal="right" vertical="center"/>
    </xf>
    <xf numFmtId="0" fontId="8" fillId="0" borderId="7" xfId="0" applyFont="1" applyBorder="1" applyAlignment="1">
      <alignment horizontal="right" vertical="center"/>
    </xf>
    <xf numFmtId="0" fontId="27" fillId="0" borderId="0" xfId="0" applyFont="1" applyAlignment="1">
      <alignment horizontal="left" vertical="center"/>
    </xf>
    <xf numFmtId="0" fontId="4" fillId="0" borderId="0" xfId="0" applyFont="1" applyAlignment="1">
      <alignment horizontal="left" shrinkToFit="1"/>
    </xf>
    <xf numFmtId="0" fontId="4" fillId="0" borderId="2" xfId="0" applyFont="1" applyBorder="1" applyAlignment="1">
      <alignment horizontal="left" shrinkToFit="1"/>
    </xf>
    <xf numFmtId="0" fontId="10" fillId="0" borderId="0" xfId="0" applyFont="1" applyAlignment="1">
      <alignment horizontal="center" justifyLastLine="1"/>
    </xf>
    <xf numFmtId="0" fontId="31" fillId="0" borderId="0" xfId="0" applyFont="1" applyAlignment="1">
      <alignment horizontal="center" vertical="center"/>
    </xf>
    <xf numFmtId="0" fontId="29" fillId="2" borderId="1" xfId="0" applyFont="1" applyFill="1" applyBorder="1" applyAlignment="1">
      <alignment horizontal="center" vertical="center" wrapText="1"/>
    </xf>
    <xf numFmtId="0" fontId="29" fillId="2" borderId="2" xfId="0" applyFont="1" applyFill="1" applyBorder="1" applyAlignment="1">
      <alignment horizontal="center" vertical="center" wrapText="1"/>
    </xf>
    <xf numFmtId="0" fontId="29" fillId="2" borderId="3" xfId="0" applyFont="1" applyFill="1" applyBorder="1" applyAlignment="1">
      <alignment horizontal="center" vertical="center" wrapText="1"/>
    </xf>
    <xf numFmtId="0" fontId="29" fillId="2" borderId="4" xfId="0" applyFont="1" applyFill="1" applyBorder="1" applyAlignment="1">
      <alignment horizontal="center" vertical="center" wrapText="1"/>
    </xf>
    <xf numFmtId="0" fontId="29" fillId="2" borderId="0" xfId="0" applyFont="1" applyFill="1" applyAlignment="1">
      <alignment horizontal="center" vertical="center" wrapText="1"/>
    </xf>
    <xf numFmtId="0" fontId="29" fillId="2" borderId="5" xfId="0" applyFont="1" applyFill="1" applyBorder="1" applyAlignment="1">
      <alignment horizontal="center" vertical="center" wrapText="1"/>
    </xf>
    <xf numFmtId="0" fontId="29" fillId="2" borderId="6" xfId="0" applyFont="1" applyFill="1" applyBorder="1" applyAlignment="1">
      <alignment horizontal="center" vertical="center" wrapText="1"/>
    </xf>
    <xf numFmtId="0" fontId="29" fillId="2" borderId="7" xfId="0" applyFont="1" applyFill="1" applyBorder="1" applyAlignment="1">
      <alignment horizontal="center" vertical="center" wrapText="1"/>
    </xf>
    <xf numFmtId="0" fontId="29" fillId="2" borderId="8" xfId="0" applyFont="1" applyFill="1" applyBorder="1" applyAlignment="1">
      <alignment horizontal="center" vertical="center" wrapText="1"/>
    </xf>
    <xf numFmtId="0" fontId="30" fillId="0" borderId="11" xfId="0" applyFont="1" applyBorder="1" applyAlignment="1">
      <alignment horizontal="center" vertical="center" wrapText="1"/>
    </xf>
    <xf numFmtId="0" fontId="34" fillId="0" borderId="1" xfId="0" applyFont="1" applyBorder="1" applyAlignment="1">
      <alignment horizontal="center" vertical="center" wrapText="1"/>
    </xf>
    <xf numFmtId="0" fontId="35" fillId="0" borderId="2" xfId="0" applyFont="1" applyBorder="1" applyAlignment="1">
      <alignment horizontal="center" vertical="center" wrapText="1"/>
    </xf>
    <xf numFmtId="0" fontId="35" fillId="0" borderId="3" xfId="0" applyFont="1" applyBorder="1" applyAlignment="1">
      <alignment horizontal="center" vertical="center" wrapText="1"/>
    </xf>
    <xf numFmtId="0" fontId="35" fillId="0" borderId="6" xfId="0" applyFont="1" applyBorder="1" applyAlignment="1">
      <alignment horizontal="center" vertical="center" wrapText="1"/>
    </xf>
    <xf numFmtId="0" fontId="35" fillId="0" borderId="7" xfId="0" applyFont="1" applyBorder="1" applyAlignment="1">
      <alignment horizontal="center" vertical="center" wrapText="1"/>
    </xf>
    <xf numFmtId="0" fontId="35" fillId="0" borderId="8" xfId="0" applyFont="1" applyBorder="1" applyAlignment="1">
      <alignment horizontal="center" vertical="center" wrapText="1"/>
    </xf>
    <xf numFmtId="0" fontId="28" fillId="0" borderId="1" xfId="0" applyFont="1" applyBorder="1" applyAlignment="1">
      <alignment horizontal="center" vertical="center"/>
    </xf>
    <xf numFmtId="0" fontId="28" fillId="0" borderId="2" xfId="0" applyFont="1" applyBorder="1" applyAlignment="1">
      <alignment horizontal="center" vertical="center"/>
    </xf>
    <xf numFmtId="0" fontId="28" fillId="0" borderId="3" xfId="0" applyFont="1" applyBorder="1" applyAlignment="1">
      <alignment horizontal="center" vertical="center"/>
    </xf>
    <xf numFmtId="0" fontId="28" fillId="0" borderId="4" xfId="0" applyFont="1" applyBorder="1" applyAlignment="1">
      <alignment horizontal="center" vertical="center"/>
    </xf>
    <xf numFmtId="0" fontId="28" fillId="0" borderId="0" xfId="0" applyFont="1" applyAlignment="1">
      <alignment horizontal="center" vertical="center"/>
    </xf>
    <xf numFmtId="0" fontId="28" fillId="0" borderId="5" xfId="0" applyFont="1" applyBorder="1" applyAlignment="1">
      <alignment horizontal="center" vertical="center"/>
    </xf>
    <xf numFmtId="0" fontId="28" fillId="0" borderId="6" xfId="0" applyFont="1" applyBorder="1" applyAlignment="1">
      <alignment horizontal="center" vertical="center"/>
    </xf>
    <xf numFmtId="0" fontId="28" fillId="0" borderId="7" xfId="0" applyFont="1" applyBorder="1" applyAlignment="1">
      <alignment horizontal="center" vertical="center"/>
    </xf>
    <xf numFmtId="0" fontId="28" fillId="0" borderId="8" xfId="0" applyFont="1" applyBorder="1" applyAlignment="1">
      <alignment horizontal="center" vertical="center"/>
    </xf>
    <xf numFmtId="0" fontId="25" fillId="2" borderId="11" xfId="0" applyFont="1" applyFill="1" applyBorder="1" applyAlignment="1">
      <alignment horizontal="center" vertical="center" wrapText="1"/>
    </xf>
    <xf numFmtId="0" fontId="32" fillId="0" borderId="1" xfId="0" applyFont="1" applyBorder="1" applyAlignment="1">
      <alignment horizontal="center" vertical="center" wrapText="1"/>
    </xf>
    <xf numFmtId="0" fontId="33" fillId="0" borderId="2" xfId="0" applyFont="1" applyBorder="1" applyAlignment="1">
      <alignment horizontal="center" vertical="center" wrapText="1"/>
    </xf>
    <xf numFmtId="0" fontId="33" fillId="0" borderId="3" xfId="0" applyFont="1" applyBorder="1" applyAlignment="1">
      <alignment horizontal="center" vertical="center" wrapText="1"/>
    </xf>
    <xf numFmtId="0" fontId="33" fillId="0" borderId="6" xfId="0" applyFont="1" applyBorder="1" applyAlignment="1">
      <alignment horizontal="center" vertical="center" wrapText="1"/>
    </xf>
    <xf numFmtId="0" fontId="33" fillId="0" borderId="7" xfId="0" applyFont="1" applyBorder="1" applyAlignment="1">
      <alignment horizontal="center" vertical="center" wrapText="1"/>
    </xf>
    <xf numFmtId="0" fontId="33" fillId="0" borderId="8" xfId="0" applyFont="1" applyBorder="1" applyAlignment="1">
      <alignment horizontal="center" vertical="center" wrapText="1"/>
    </xf>
    <xf numFmtId="178" fontId="21" fillId="0" borderId="1" xfId="0" applyNumberFormat="1" applyFont="1" applyBorder="1" applyAlignment="1">
      <alignment horizontal="right" shrinkToFit="1"/>
    </xf>
    <xf numFmtId="178" fontId="21" fillId="0" borderId="2" xfId="0" applyNumberFormat="1" applyFont="1" applyBorder="1" applyAlignment="1">
      <alignment horizontal="right" shrinkToFit="1"/>
    </xf>
    <xf numFmtId="178" fontId="21" fillId="0" borderId="3" xfId="0" applyNumberFormat="1" applyFont="1" applyBorder="1" applyAlignment="1">
      <alignment horizontal="right" shrinkToFit="1"/>
    </xf>
    <xf numFmtId="178" fontId="21" fillId="0" borderId="4" xfId="0" applyNumberFormat="1" applyFont="1" applyBorder="1" applyAlignment="1">
      <alignment horizontal="right" shrinkToFit="1"/>
    </xf>
    <xf numFmtId="178" fontId="21" fillId="0" borderId="0" xfId="0" applyNumberFormat="1" applyFont="1" applyAlignment="1">
      <alignment horizontal="right" shrinkToFit="1"/>
    </xf>
    <xf numFmtId="178" fontId="21" fillId="0" borderId="5" xfId="0" applyNumberFormat="1" applyFont="1" applyBorder="1" applyAlignment="1">
      <alignment horizontal="right" shrinkToFit="1"/>
    </xf>
    <xf numFmtId="178" fontId="21" fillId="0" borderId="6" xfId="0" applyNumberFormat="1" applyFont="1" applyBorder="1" applyAlignment="1">
      <alignment horizontal="right" shrinkToFit="1"/>
    </xf>
    <xf numFmtId="178" fontId="21" fillId="0" borderId="7" xfId="0" applyNumberFormat="1" applyFont="1" applyBorder="1" applyAlignment="1">
      <alignment horizontal="right" shrinkToFit="1"/>
    </xf>
    <xf numFmtId="178" fontId="21" fillId="0" borderId="8" xfId="0" applyNumberFormat="1" applyFont="1" applyBorder="1" applyAlignment="1">
      <alignment horizontal="right" shrinkToFit="1"/>
    </xf>
    <xf numFmtId="178" fontId="0" fillId="0" borderId="1" xfId="0" applyNumberFormat="1" applyBorder="1" applyAlignment="1">
      <alignment horizontal="right" shrinkToFit="1"/>
    </xf>
    <xf numFmtId="178" fontId="0" fillId="0" borderId="2" xfId="0" applyNumberFormat="1" applyBorder="1" applyAlignment="1">
      <alignment horizontal="right" shrinkToFit="1"/>
    </xf>
    <xf numFmtId="178" fontId="0" fillId="0" borderId="3" xfId="0" applyNumberFormat="1" applyBorder="1" applyAlignment="1">
      <alignment horizontal="right" shrinkToFit="1"/>
    </xf>
    <xf numFmtId="178" fontId="0" fillId="0" borderId="4" xfId="0" applyNumberFormat="1" applyBorder="1" applyAlignment="1">
      <alignment horizontal="right" shrinkToFit="1"/>
    </xf>
    <xf numFmtId="178" fontId="0" fillId="0" borderId="0" xfId="0" applyNumberFormat="1" applyAlignment="1">
      <alignment horizontal="right" shrinkToFit="1"/>
    </xf>
    <xf numFmtId="178" fontId="0" fillId="0" borderId="5" xfId="0" applyNumberFormat="1" applyBorder="1" applyAlignment="1">
      <alignment horizontal="right" shrinkToFit="1"/>
    </xf>
    <xf numFmtId="178" fontId="0" fillId="0" borderId="6" xfId="0" applyNumberFormat="1" applyBorder="1" applyAlignment="1">
      <alignment horizontal="right" shrinkToFit="1"/>
    </xf>
    <xf numFmtId="178" fontId="0" fillId="0" borderId="7" xfId="0" applyNumberFormat="1" applyBorder="1" applyAlignment="1">
      <alignment horizontal="right" shrinkToFit="1"/>
    </xf>
    <xf numFmtId="178" fontId="0" fillId="0" borderId="8" xfId="0" applyNumberFormat="1" applyBorder="1" applyAlignment="1">
      <alignment horizontal="right" shrinkToFit="1"/>
    </xf>
    <xf numFmtId="178" fontId="0" fillId="0" borderId="9" xfId="0" applyNumberFormat="1" applyBorder="1" applyAlignment="1">
      <alignment horizontal="right" shrinkToFit="1"/>
    </xf>
    <xf numFmtId="0" fontId="17" fillId="0" borderId="12" xfId="0" applyFont="1" applyBorder="1" applyAlignment="1">
      <alignment horizontal="center" vertical="center"/>
    </xf>
    <xf numFmtId="0" fontId="17" fillId="0" borderId="7" xfId="0" applyFont="1" applyBorder="1" applyAlignment="1">
      <alignment horizontal="left" vertical="center"/>
    </xf>
    <xf numFmtId="0" fontId="2" fillId="0" borderId="13" xfId="0" applyFont="1" applyBorder="1" applyAlignment="1">
      <alignment horizontal="center" vertical="center"/>
    </xf>
    <xf numFmtId="0" fontId="37" fillId="0" borderId="0" xfId="0" applyFont="1" applyAlignment="1">
      <alignment horizontal="center" vertical="center"/>
    </xf>
  </cellXfs>
  <cellStyles count="3">
    <cellStyle name="パーセント" xfId="2" builtinId="5"/>
    <cellStyle name="桁区切り" xfId="1" builtinId="6"/>
    <cellStyle name="標準" xfId="0" builtinId="0"/>
  </cellStyles>
  <dxfs count="0"/>
  <tableStyles count="0" defaultTableStyle="TableStyleMedium2" defaultPivotStyle="PivotStyleLight16"/>
  <colors>
    <mruColors>
      <color rgb="FFFF3300"/>
      <color rgb="FFFFFF99"/>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99</xdr:col>
      <xdr:colOff>38100</xdr:colOff>
      <xdr:row>32</xdr:row>
      <xdr:rowOff>38100</xdr:rowOff>
    </xdr:from>
    <xdr:to>
      <xdr:col>101</xdr:col>
      <xdr:colOff>9525</xdr:colOff>
      <xdr:row>33</xdr:row>
      <xdr:rowOff>28575</xdr:rowOff>
    </xdr:to>
    <xdr:sp macro="" textlink="">
      <xdr:nvSpPr>
        <xdr:cNvPr id="2" name="AutoShape 92">
          <a:extLst>
            <a:ext uri="{FF2B5EF4-FFF2-40B4-BE49-F238E27FC236}">
              <a16:creationId xmlns:a16="http://schemas.microsoft.com/office/drawing/2014/main" id="{00000000-0008-0000-0000-000002000000}"/>
            </a:ext>
          </a:extLst>
        </xdr:cNvPr>
        <xdr:cNvSpPr>
          <a:spLocks noChangeArrowheads="1"/>
        </xdr:cNvSpPr>
      </xdr:nvSpPr>
      <xdr:spPr bwMode="auto">
        <a:xfrm>
          <a:off x="4752975" y="2933700"/>
          <a:ext cx="66675" cy="66675"/>
        </a:xfrm>
        <a:prstGeom prst="triangle">
          <a:avLst>
            <a:gd name="adj" fmla="val 50000"/>
          </a:avLst>
        </a:prstGeom>
        <a:solidFill>
          <a:srgbClr val="FFFFFF"/>
        </a:solidFill>
        <a:ln w="6350">
          <a:solidFill>
            <a:srgbClr val="333333"/>
          </a:solidFill>
          <a:miter lim="800000"/>
          <a:headEnd/>
          <a:tailEnd/>
        </a:ln>
      </xdr:spPr>
    </xdr:sp>
    <xdr:clientData/>
  </xdr:twoCellAnchor>
  <xdr:twoCellAnchor>
    <xdr:from>
      <xdr:col>170</xdr:col>
      <xdr:colOff>0</xdr:colOff>
      <xdr:row>67</xdr:row>
      <xdr:rowOff>66675</xdr:rowOff>
    </xdr:from>
    <xdr:to>
      <xdr:col>172</xdr:col>
      <xdr:colOff>0</xdr:colOff>
      <xdr:row>69</xdr:row>
      <xdr:rowOff>9525</xdr:rowOff>
    </xdr:to>
    <xdr:sp macro="" textlink="">
      <xdr:nvSpPr>
        <xdr:cNvPr id="3" name="AutoShape 60">
          <a:extLst>
            <a:ext uri="{FF2B5EF4-FFF2-40B4-BE49-F238E27FC236}">
              <a16:creationId xmlns:a16="http://schemas.microsoft.com/office/drawing/2014/main" id="{00000000-0008-0000-0000-000003000000}"/>
            </a:ext>
          </a:extLst>
        </xdr:cNvPr>
        <xdr:cNvSpPr>
          <a:spLocks noChangeArrowheads="1"/>
        </xdr:cNvSpPr>
      </xdr:nvSpPr>
      <xdr:spPr bwMode="auto">
        <a:xfrm>
          <a:off x="8096250" y="5591175"/>
          <a:ext cx="95250" cy="95250"/>
        </a:xfrm>
        <a:prstGeom prst="triangle">
          <a:avLst>
            <a:gd name="adj" fmla="val 50000"/>
          </a:avLst>
        </a:prstGeom>
        <a:solidFill>
          <a:srgbClr val="FFFFFF"/>
        </a:solidFill>
        <a:ln w="6350">
          <a:solidFill>
            <a:srgbClr val="333333"/>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99</xdr:col>
      <xdr:colOff>38100</xdr:colOff>
      <xdr:row>32</xdr:row>
      <xdr:rowOff>38100</xdr:rowOff>
    </xdr:from>
    <xdr:to>
      <xdr:col>101</xdr:col>
      <xdr:colOff>9525</xdr:colOff>
      <xdr:row>33</xdr:row>
      <xdr:rowOff>28575</xdr:rowOff>
    </xdr:to>
    <xdr:sp macro="" textlink="">
      <xdr:nvSpPr>
        <xdr:cNvPr id="2" name="AutoShape 92">
          <a:extLst>
            <a:ext uri="{FF2B5EF4-FFF2-40B4-BE49-F238E27FC236}">
              <a16:creationId xmlns:a16="http://schemas.microsoft.com/office/drawing/2014/main" id="{00000000-0008-0000-0100-000002000000}"/>
            </a:ext>
          </a:extLst>
        </xdr:cNvPr>
        <xdr:cNvSpPr>
          <a:spLocks noChangeArrowheads="1"/>
        </xdr:cNvSpPr>
      </xdr:nvSpPr>
      <xdr:spPr bwMode="auto">
        <a:xfrm>
          <a:off x="4752975" y="2933700"/>
          <a:ext cx="66675" cy="66675"/>
        </a:xfrm>
        <a:prstGeom prst="triangle">
          <a:avLst>
            <a:gd name="adj" fmla="val 50000"/>
          </a:avLst>
        </a:prstGeom>
        <a:solidFill>
          <a:srgbClr val="FFFFFF"/>
        </a:solidFill>
        <a:ln w="6350">
          <a:solidFill>
            <a:srgbClr val="333333"/>
          </a:solidFill>
          <a:miter lim="800000"/>
          <a:headEnd/>
          <a:tailEnd/>
        </a:ln>
      </xdr:spPr>
    </xdr:sp>
    <xdr:clientData/>
  </xdr:twoCellAnchor>
  <xdr:twoCellAnchor>
    <xdr:from>
      <xdr:col>170</xdr:col>
      <xdr:colOff>0</xdr:colOff>
      <xdr:row>67</xdr:row>
      <xdr:rowOff>66675</xdr:rowOff>
    </xdr:from>
    <xdr:to>
      <xdr:col>172</xdr:col>
      <xdr:colOff>0</xdr:colOff>
      <xdr:row>69</xdr:row>
      <xdr:rowOff>9525</xdr:rowOff>
    </xdr:to>
    <xdr:sp macro="" textlink="">
      <xdr:nvSpPr>
        <xdr:cNvPr id="3" name="AutoShape 60">
          <a:extLst>
            <a:ext uri="{FF2B5EF4-FFF2-40B4-BE49-F238E27FC236}">
              <a16:creationId xmlns:a16="http://schemas.microsoft.com/office/drawing/2014/main" id="{00000000-0008-0000-0100-000003000000}"/>
            </a:ext>
          </a:extLst>
        </xdr:cNvPr>
        <xdr:cNvSpPr>
          <a:spLocks noChangeArrowheads="1"/>
        </xdr:cNvSpPr>
      </xdr:nvSpPr>
      <xdr:spPr bwMode="auto">
        <a:xfrm>
          <a:off x="8096250" y="5591175"/>
          <a:ext cx="95250" cy="95250"/>
        </a:xfrm>
        <a:prstGeom prst="triangle">
          <a:avLst>
            <a:gd name="adj" fmla="val 50000"/>
          </a:avLst>
        </a:prstGeom>
        <a:solidFill>
          <a:srgbClr val="FFFFFF"/>
        </a:solidFill>
        <a:ln w="6350">
          <a:solidFill>
            <a:srgbClr val="333333"/>
          </a:solidFill>
          <a:miter lim="800000"/>
          <a:headEnd/>
          <a:tailEnd/>
        </a:ln>
      </xdr:spPr>
    </xdr:sp>
    <xdr:clientData/>
  </xdr:twoCellAnchor>
  <xdr:twoCellAnchor>
    <xdr:from>
      <xdr:col>0</xdr:col>
      <xdr:colOff>24848</xdr:colOff>
      <xdr:row>12</xdr:row>
      <xdr:rowOff>66261</xdr:rowOff>
    </xdr:from>
    <xdr:to>
      <xdr:col>65</xdr:col>
      <xdr:colOff>24848</xdr:colOff>
      <xdr:row>17</xdr:row>
      <xdr:rowOff>24848</xdr:rowOff>
    </xdr:to>
    <xdr:sp macro="" textlink="">
      <xdr:nvSpPr>
        <xdr:cNvPr id="4" name="四角形: 角を丸くする 3">
          <a:extLst>
            <a:ext uri="{FF2B5EF4-FFF2-40B4-BE49-F238E27FC236}">
              <a16:creationId xmlns:a16="http://schemas.microsoft.com/office/drawing/2014/main" id="{00000000-0008-0000-0100-000004000000}"/>
            </a:ext>
          </a:extLst>
        </xdr:cNvPr>
        <xdr:cNvSpPr/>
      </xdr:nvSpPr>
      <xdr:spPr>
        <a:xfrm>
          <a:off x="24848" y="1424609"/>
          <a:ext cx="3230217" cy="331304"/>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1</xdr:col>
      <xdr:colOff>33129</xdr:colOff>
      <xdr:row>5</xdr:row>
      <xdr:rowOff>66261</xdr:rowOff>
    </xdr:from>
    <xdr:to>
      <xdr:col>81</xdr:col>
      <xdr:colOff>49695</xdr:colOff>
      <xdr:row>9</xdr:row>
      <xdr:rowOff>8285</xdr:rowOff>
    </xdr:to>
    <xdr:sp macro="" textlink="">
      <xdr:nvSpPr>
        <xdr:cNvPr id="5" name="吹き出し: 角を丸めた四角形 4">
          <a:extLst>
            <a:ext uri="{FF2B5EF4-FFF2-40B4-BE49-F238E27FC236}">
              <a16:creationId xmlns:a16="http://schemas.microsoft.com/office/drawing/2014/main" id="{00000000-0008-0000-0100-000005000000}"/>
            </a:ext>
          </a:extLst>
        </xdr:cNvPr>
        <xdr:cNvSpPr/>
      </xdr:nvSpPr>
      <xdr:spPr>
        <a:xfrm>
          <a:off x="3064564" y="728870"/>
          <a:ext cx="1010479" cy="414132"/>
        </a:xfrm>
        <a:prstGeom prst="wedgeRoundRectCallout">
          <a:avLst>
            <a:gd name="adj1" fmla="val -55784"/>
            <a:gd name="adj2" fmla="val 115042"/>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〆日を記入</a:t>
          </a:r>
        </a:p>
      </xdr:txBody>
    </xdr:sp>
    <xdr:clientData/>
  </xdr:twoCellAnchor>
  <xdr:twoCellAnchor>
    <xdr:from>
      <xdr:col>80</xdr:col>
      <xdr:colOff>1</xdr:colOff>
      <xdr:row>12</xdr:row>
      <xdr:rowOff>57977</xdr:rowOff>
    </xdr:from>
    <xdr:to>
      <xdr:col>109</xdr:col>
      <xdr:colOff>33131</xdr:colOff>
      <xdr:row>18</xdr:row>
      <xdr:rowOff>8281</xdr:rowOff>
    </xdr:to>
    <xdr:sp macro="" textlink="">
      <xdr:nvSpPr>
        <xdr:cNvPr id="7" name="四角形: 角を丸くする 6">
          <a:extLst>
            <a:ext uri="{FF2B5EF4-FFF2-40B4-BE49-F238E27FC236}">
              <a16:creationId xmlns:a16="http://schemas.microsoft.com/office/drawing/2014/main" id="{00000000-0008-0000-0100-000007000000}"/>
            </a:ext>
          </a:extLst>
        </xdr:cNvPr>
        <xdr:cNvSpPr/>
      </xdr:nvSpPr>
      <xdr:spPr>
        <a:xfrm>
          <a:off x="3975653" y="1416325"/>
          <a:ext cx="1474304" cy="397565"/>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3</xdr:col>
      <xdr:colOff>16565</xdr:colOff>
      <xdr:row>6</xdr:row>
      <xdr:rowOff>115957</xdr:rowOff>
    </xdr:from>
    <xdr:to>
      <xdr:col>115</xdr:col>
      <xdr:colOff>41413</xdr:colOff>
      <xdr:row>11</xdr:row>
      <xdr:rowOff>41415</xdr:rowOff>
    </xdr:to>
    <xdr:sp macro="" textlink="">
      <xdr:nvSpPr>
        <xdr:cNvPr id="8" name="吹き出し: 角を丸めた四角形 7">
          <a:extLst>
            <a:ext uri="{FF2B5EF4-FFF2-40B4-BE49-F238E27FC236}">
              <a16:creationId xmlns:a16="http://schemas.microsoft.com/office/drawing/2014/main" id="{00000000-0008-0000-0100-000008000000}"/>
            </a:ext>
          </a:extLst>
        </xdr:cNvPr>
        <xdr:cNvSpPr/>
      </xdr:nvSpPr>
      <xdr:spPr>
        <a:xfrm>
          <a:off x="4141304" y="911087"/>
          <a:ext cx="1615109" cy="414132"/>
        </a:xfrm>
        <a:prstGeom prst="wedgeRoundRectCallout">
          <a:avLst>
            <a:gd name="adj1" fmla="val -32833"/>
            <a:gd name="adj2" fmla="val 73042"/>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注文書番号の前半</a:t>
          </a:r>
          <a:r>
            <a:rPr kumimoji="1" lang="en-US" altLang="ja-JP" sz="1100" b="1">
              <a:solidFill>
                <a:srgbClr val="FF0000"/>
              </a:solidFill>
            </a:rPr>
            <a:t>7</a:t>
          </a:r>
          <a:r>
            <a:rPr kumimoji="1" lang="ja-JP" altLang="en-US" sz="1100" b="1">
              <a:solidFill>
                <a:srgbClr val="FF0000"/>
              </a:solidFill>
            </a:rPr>
            <a:t>桁</a:t>
          </a:r>
        </a:p>
      </xdr:txBody>
    </xdr:sp>
    <xdr:clientData/>
  </xdr:twoCellAnchor>
  <xdr:twoCellAnchor>
    <xdr:from>
      <xdr:col>121</xdr:col>
      <xdr:colOff>16565</xdr:colOff>
      <xdr:row>12</xdr:row>
      <xdr:rowOff>49696</xdr:rowOff>
    </xdr:from>
    <xdr:to>
      <xdr:col>140</xdr:col>
      <xdr:colOff>33131</xdr:colOff>
      <xdr:row>18</xdr:row>
      <xdr:rowOff>0</xdr:rowOff>
    </xdr:to>
    <xdr:sp macro="" textlink="">
      <xdr:nvSpPr>
        <xdr:cNvPr id="9" name="四角形: 角を丸くする 8">
          <a:extLst>
            <a:ext uri="{FF2B5EF4-FFF2-40B4-BE49-F238E27FC236}">
              <a16:creationId xmlns:a16="http://schemas.microsoft.com/office/drawing/2014/main" id="{00000000-0008-0000-0100-000009000000}"/>
            </a:ext>
          </a:extLst>
        </xdr:cNvPr>
        <xdr:cNvSpPr/>
      </xdr:nvSpPr>
      <xdr:spPr>
        <a:xfrm>
          <a:off x="6029739" y="1408044"/>
          <a:ext cx="960783" cy="397565"/>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7</xdr:col>
      <xdr:colOff>0</xdr:colOff>
      <xdr:row>6</xdr:row>
      <xdr:rowOff>16567</xdr:rowOff>
    </xdr:from>
    <xdr:to>
      <xdr:col>142</xdr:col>
      <xdr:colOff>24847</xdr:colOff>
      <xdr:row>11</xdr:row>
      <xdr:rowOff>57981</xdr:rowOff>
    </xdr:to>
    <xdr:sp macro="" textlink="">
      <xdr:nvSpPr>
        <xdr:cNvPr id="10" name="吹き出し: 角を丸めた四角形 9">
          <a:extLst>
            <a:ext uri="{FF2B5EF4-FFF2-40B4-BE49-F238E27FC236}">
              <a16:creationId xmlns:a16="http://schemas.microsoft.com/office/drawing/2014/main" id="{00000000-0008-0000-0100-00000A000000}"/>
            </a:ext>
          </a:extLst>
        </xdr:cNvPr>
        <xdr:cNvSpPr/>
      </xdr:nvSpPr>
      <xdr:spPr>
        <a:xfrm>
          <a:off x="5814391" y="811697"/>
          <a:ext cx="1267239" cy="530088"/>
        </a:xfrm>
        <a:prstGeom prst="wedgeRoundRectCallout">
          <a:avLst>
            <a:gd name="adj1" fmla="val -18454"/>
            <a:gd name="adj2" fmla="val 71042"/>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b="1">
              <a:solidFill>
                <a:srgbClr val="FF0000"/>
              </a:solidFill>
            </a:rPr>
            <a:t>当社の現場担当者名を記入</a:t>
          </a:r>
        </a:p>
      </xdr:txBody>
    </xdr:sp>
    <xdr:clientData/>
  </xdr:twoCellAnchor>
  <xdr:twoCellAnchor>
    <xdr:from>
      <xdr:col>143</xdr:col>
      <xdr:colOff>24849</xdr:colOff>
      <xdr:row>0</xdr:row>
      <xdr:rowOff>115957</xdr:rowOff>
    </xdr:from>
    <xdr:to>
      <xdr:col>225</xdr:col>
      <xdr:colOff>33131</xdr:colOff>
      <xdr:row>24</xdr:row>
      <xdr:rowOff>49695</xdr:rowOff>
    </xdr:to>
    <xdr:sp macro="" textlink="">
      <xdr:nvSpPr>
        <xdr:cNvPr id="11" name="四角形: 角を丸くする 10">
          <a:extLst>
            <a:ext uri="{FF2B5EF4-FFF2-40B4-BE49-F238E27FC236}">
              <a16:creationId xmlns:a16="http://schemas.microsoft.com/office/drawing/2014/main" id="{00000000-0008-0000-0100-00000B000000}"/>
            </a:ext>
          </a:extLst>
        </xdr:cNvPr>
        <xdr:cNvSpPr/>
      </xdr:nvSpPr>
      <xdr:spPr>
        <a:xfrm>
          <a:off x="7131327" y="115957"/>
          <a:ext cx="4083326" cy="2186608"/>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0</xdr:colOff>
      <xdr:row>0</xdr:row>
      <xdr:rowOff>16564</xdr:rowOff>
    </xdr:from>
    <xdr:to>
      <xdr:col>92</xdr:col>
      <xdr:colOff>33132</xdr:colOff>
      <xdr:row>5</xdr:row>
      <xdr:rowOff>49694</xdr:rowOff>
    </xdr:to>
    <xdr:sp macro="" textlink="">
      <xdr:nvSpPr>
        <xdr:cNvPr id="13" name="吹き出し: 角を丸めた四角形 12">
          <a:extLst>
            <a:ext uri="{FF2B5EF4-FFF2-40B4-BE49-F238E27FC236}">
              <a16:creationId xmlns:a16="http://schemas.microsoft.com/office/drawing/2014/main" id="{00000000-0008-0000-0100-00000D000000}"/>
            </a:ext>
          </a:extLst>
        </xdr:cNvPr>
        <xdr:cNvSpPr/>
      </xdr:nvSpPr>
      <xdr:spPr>
        <a:xfrm>
          <a:off x="149087" y="16564"/>
          <a:ext cx="4456045" cy="695739"/>
        </a:xfrm>
        <a:prstGeom prst="wedgeRoundRectCallout">
          <a:avLst>
            <a:gd name="adj1" fmla="val 106153"/>
            <a:gd name="adj2" fmla="val -3029"/>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800" b="1">
              <a:solidFill>
                <a:srgbClr val="FF0000"/>
              </a:solidFill>
            </a:rPr>
            <a:t>6</a:t>
          </a:r>
          <a:r>
            <a:rPr kumimoji="1" lang="ja-JP" altLang="en-US" sz="800" b="1">
              <a:solidFill>
                <a:srgbClr val="FF0000"/>
              </a:solidFill>
            </a:rPr>
            <a:t>桁の取引先</a:t>
          </a:r>
          <a:r>
            <a:rPr kumimoji="1" lang="en-US" altLang="ja-JP" sz="800" b="1">
              <a:solidFill>
                <a:srgbClr val="FF0000"/>
              </a:solidFill>
            </a:rPr>
            <a:t>CD</a:t>
          </a:r>
          <a:r>
            <a:rPr kumimoji="1" lang="ja-JP" altLang="en-US" sz="800" b="1">
              <a:solidFill>
                <a:srgbClr val="FF0000"/>
              </a:solidFill>
            </a:rPr>
            <a:t>及び御社名を記入</a:t>
          </a:r>
          <a:endParaRPr kumimoji="1" lang="en-US" altLang="ja-JP" sz="800" b="1">
            <a:solidFill>
              <a:srgbClr val="FF0000"/>
            </a:solidFill>
          </a:endParaRPr>
        </a:p>
        <a:p>
          <a:pPr algn="l"/>
          <a:r>
            <a:rPr kumimoji="1" lang="ja-JP" altLang="en-US" sz="800" b="1">
              <a:solidFill>
                <a:srgbClr val="FF0000"/>
              </a:solidFill>
            </a:rPr>
            <a:t>適格請求書発行事業者登録番号を登録済もしくは未登録に</a:t>
          </a:r>
          <a:endParaRPr kumimoji="1" lang="en-US" altLang="ja-JP" sz="800" b="1">
            <a:solidFill>
              <a:srgbClr val="FF0000"/>
            </a:solidFill>
          </a:endParaRPr>
        </a:p>
        <a:p>
          <a:pPr algn="l"/>
          <a:r>
            <a:rPr kumimoji="1" lang="ja-JP" altLang="en-US" sz="800" b="1">
              <a:solidFill>
                <a:srgbClr val="FF0000"/>
              </a:solidFill>
            </a:rPr>
            <a:t>チェックを入れ登録済なら</a:t>
          </a:r>
          <a:r>
            <a:rPr kumimoji="1" lang="en-US" altLang="ja-JP" sz="800" b="1">
              <a:solidFill>
                <a:srgbClr val="FF0000"/>
              </a:solidFill>
            </a:rPr>
            <a:t>T</a:t>
          </a:r>
          <a:r>
            <a:rPr kumimoji="1" lang="ja-JP" altLang="en-US" sz="800" b="1">
              <a:solidFill>
                <a:srgbClr val="FF0000"/>
              </a:solidFill>
            </a:rPr>
            <a:t>から始まる</a:t>
          </a:r>
          <a:r>
            <a:rPr kumimoji="1" lang="en-US" altLang="ja-JP" sz="800" b="1">
              <a:solidFill>
                <a:srgbClr val="FF0000"/>
              </a:solidFill>
            </a:rPr>
            <a:t>13</a:t>
          </a:r>
          <a:r>
            <a:rPr kumimoji="1" lang="ja-JP" altLang="en-US" sz="800" b="1">
              <a:solidFill>
                <a:srgbClr val="FF0000"/>
              </a:solidFill>
            </a:rPr>
            <a:t>桁を記入</a:t>
          </a:r>
        </a:p>
      </xdr:txBody>
    </xdr:sp>
    <xdr:clientData/>
  </xdr:twoCellAnchor>
  <xdr:twoCellAnchor>
    <xdr:from>
      <xdr:col>8</xdr:col>
      <xdr:colOff>8284</xdr:colOff>
      <xdr:row>18</xdr:row>
      <xdr:rowOff>16564</xdr:rowOff>
    </xdr:from>
    <xdr:to>
      <xdr:col>36</xdr:col>
      <xdr:colOff>33132</xdr:colOff>
      <xdr:row>25</xdr:row>
      <xdr:rowOff>24850</xdr:rowOff>
    </xdr:to>
    <xdr:sp macro="" textlink="">
      <xdr:nvSpPr>
        <xdr:cNvPr id="14" name="吹き出し: 角を丸めた四角形 13">
          <a:extLst>
            <a:ext uri="{FF2B5EF4-FFF2-40B4-BE49-F238E27FC236}">
              <a16:creationId xmlns:a16="http://schemas.microsoft.com/office/drawing/2014/main" id="{00000000-0008-0000-0100-00000E000000}"/>
            </a:ext>
          </a:extLst>
        </xdr:cNvPr>
        <xdr:cNvSpPr/>
      </xdr:nvSpPr>
      <xdr:spPr>
        <a:xfrm>
          <a:off x="405849" y="1822173"/>
          <a:ext cx="1416326" cy="530090"/>
        </a:xfrm>
        <a:prstGeom prst="wedgeRoundRectCallout">
          <a:avLst>
            <a:gd name="adj1" fmla="val -5309"/>
            <a:gd name="adj2" fmla="val 98292"/>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800" b="1">
              <a:solidFill>
                <a:srgbClr val="FF0000"/>
              </a:solidFill>
            </a:rPr>
            <a:t>注文書で契約時に〇を記入</a:t>
          </a:r>
          <a:r>
            <a:rPr kumimoji="1" lang="en-US" altLang="ja-JP" sz="800" b="1">
              <a:solidFill>
                <a:srgbClr val="FF0000"/>
              </a:solidFill>
            </a:rPr>
            <a:t>(</a:t>
          </a:r>
          <a:r>
            <a:rPr kumimoji="1" lang="ja-JP" altLang="en-US" sz="800" b="1">
              <a:solidFill>
                <a:srgbClr val="FF0000"/>
              </a:solidFill>
            </a:rPr>
            <a:t>税抜</a:t>
          </a:r>
          <a:r>
            <a:rPr kumimoji="1" lang="en-US" altLang="ja-JP" sz="800" b="1">
              <a:solidFill>
                <a:srgbClr val="FF0000"/>
              </a:solidFill>
            </a:rPr>
            <a:t>10</a:t>
          </a:r>
          <a:r>
            <a:rPr kumimoji="1" lang="ja-JP" altLang="en-US" sz="800" b="1">
              <a:solidFill>
                <a:srgbClr val="FF0000"/>
              </a:solidFill>
            </a:rPr>
            <a:t>万円以上</a:t>
          </a:r>
          <a:r>
            <a:rPr kumimoji="1" lang="en-US" altLang="ja-JP" sz="800" b="1">
              <a:solidFill>
                <a:srgbClr val="FF0000"/>
              </a:solidFill>
            </a:rPr>
            <a:t>)</a:t>
          </a:r>
          <a:endParaRPr kumimoji="1" lang="ja-JP" altLang="en-US" sz="800" b="1">
            <a:solidFill>
              <a:srgbClr val="FF0000"/>
            </a:solidFill>
          </a:endParaRPr>
        </a:p>
      </xdr:txBody>
    </xdr:sp>
    <xdr:clientData/>
  </xdr:twoCellAnchor>
  <xdr:twoCellAnchor>
    <xdr:from>
      <xdr:col>59</xdr:col>
      <xdr:colOff>16565</xdr:colOff>
      <xdr:row>40</xdr:row>
      <xdr:rowOff>33129</xdr:rowOff>
    </xdr:from>
    <xdr:to>
      <xdr:col>87</xdr:col>
      <xdr:colOff>41414</xdr:colOff>
      <xdr:row>44</xdr:row>
      <xdr:rowOff>66261</xdr:rowOff>
    </xdr:to>
    <xdr:sp macro="" textlink="">
      <xdr:nvSpPr>
        <xdr:cNvPr id="15" name="吹き出し: 角を丸めた四角形 14">
          <a:extLst>
            <a:ext uri="{FF2B5EF4-FFF2-40B4-BE49-F238E27FC236}">
              <a16:creationId xmlns:a16="http://schemas.microsoft.com/office/drawing/2014/main" id="{00000000-0008-0000-0100-00000F000000}"/>
            </a:ext>
          </a:extLst>
        </xdr:cNvPr>
        <xdr:cNvSpPr/>
      </xdr:nvSpPr>
      <xdr:spPr>
        <a:xfrm>
          <a:off x="2948608" y="3445564"/>
          <a:ext cx="1416328" cy="331306"/>
        </a:xfrm>
        <a:prstGeom prst="wedgeRoundRectCallout">
          <a:avLst>
            <a:gd name="adj1" fmla="val 9400"/>
            <a:gd name="adj2" fmla="val -182019"/>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b="1">
              <a:solidFill>
                <a:srgbClr val="FF0000"/>
              </a:solidFill>
            </a:rPr>
            <a:t>注文書番号の後ろ</a:t>
          </a:r>
          <a:r>
            <a:rPr kumimoji="1" lang="en-US" altLang="ja-JP" sz="900" b="1">
              <a:solidFill>
                <a:srgbClr val="FF0000"/>
              </a:solidFill>
            </a:rPr>
            <a:t>3</a:t>
          </a:r>
          <a:r>
            <a:rPr kumimoji="1" lang="ja-JP" altLang="en-US" sz="900" b="1">
              <a:solidFill>
                <a:srgbClr val="FF0000"/>
              </a:solidFill>
            </a:rPr>
            <a:t>桁</a:t>
          </a:r>
        </a:p>
      </xdr:txBody>
    </xdr:sp>
    <xdr:clientData/>
  </xdr:twoCellAnchor>
  <xdr:twoCellAnchor>
    <xdr:from>
      <xdr:col>1</xdr:col>
      <xdr:colOff>24847</xdr:colOff>
      <xdr:row>49</xdr:row>
      <xdr:rowOff>49696</xdr:rowOff>
    </xdr:from>
    <xdr:to>
      <xdr:col>21</xdr:col>
      <xdr:colOff>41413</xdr:colOff>
      <xdr:row>54</xdr:row>
      <xdr:rowOff>8285</xdr:rowOff>
    </xdr:to>
    <xdr:sp macro="" textlink="">
      <xdr:nvSpPr>
        <xdr:cNvPr id="16" name="吹き出し: 角を丸めた四角形 15">
          <a:extLst>
            <a:ext uri="{FF2B5EF4-FFF2-40B4-BE49-F238E27FC236}">
              <a16:creationId xmlns:a16="http://schemas.microsoft.com/office/drawing/2014/main" id="{00000000-0008-0000-0100-000010000000}"/>
            </a:ext>
          </a:extLst>
        </xdr:cNvPr>
        <xdr:cNvSpPr/>
      </xdr:nvSpPr>
      <xdr:spPr>
        <a:xfrm>
          <a:off x="74543" y="4133022"/>
          <a:ext cx="1010479" cy="331306"/>
        </a:xfrm>
        <a:prstGeom prst="wedgeRoundRectCallout">
          <a:avLst>
            <a:gd name="adj1" fmla="val -33638"/>
            <a:gd name="adj2" fmla="val -119519"/>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b="1">
              <a:solidFill>
                <a:srgbClr val="FF0000"/>
              </a:solidFill>
            </a:rPr>
            <a:t>工事日を記入</a:t>
          </a:r>
        </a:p>
      </xdr:txBody>
    </xdr:sp>
    <xdr:clientData/>
  </xdr:twoCellAnchor>
  <xdr:twoCellAnchor>
    <xdr:from>
      <xdr:col>14</xdr:col>
      <xdr:colOff>41413</xdr:colOff>
      <xdr:row>38</xdr:row>
      <xdr:rowOff>57977</xdr:rowOff>
    </xdr:from>
    <xdr:to>
      <xdr:col>39</xdr:col>
      <xdr:colOff>0</xdr:colOff>
      <xdr:row>49</xdr:row>
      <xdr:rowOff>49696</xdr:rowOff>
    </xdr:to>
    <xdr:sp macro="" textlink="">
      <xdr:nvSpPr>
        <xdr:cNvPr id="17" name="四角形: 角を丸くする 16">
          <a:extLst>
            <a:ext uri="{FF2B5EF4-FFF2-40B4-BE49-F238E27FC236}">
              <a16:creationId xmlns:a16="http://schemas.microsoft.com/office/drawing/2014/main" id="{00000000-0008-0000-0100-000011000000}"/>
            </a:ext>
          </a:extLst>
        </xdr:cNvPr>
        <xdr:cNvSpPr/>
      </xdr:nvSpPr>
      <xdr:spPr>
        <a:xfrm>
          <a:off x="737152" y="3321325"/>
          <a:ext cx="1200978" cy="811697"/>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9</xdr:col>
      <xdr:colOff>33130</xdr:colOff>
      <xdr:row>50</xdr:row>
      <xdr:rowOff>66258</xdr:rowOff>
    </xdr:from>
    <xdr:to>
      <xdr:col>80</xdr:col>
      <xdr:colOff>16566</xdr:colOff>
      <xdr:row>62</xdr:row>
      <xdr:rowOff>33130</xdr:rowOff>
    </xdr:to>
    <xdr:sp macro="" textlink="">
      <xdr:nvSpPr>
        <xdr:cNvPr id="18" name="吹き出し: 角を丸めた四角形 17">
          <a:extLst>
            <a:ext uri="{FF2B5EF4-FFF2-40B4-BE49-F238E27FC236}">
              <a16:creationId xmlns:a16="http://schemas.microsoft.com/office/drawing/2014/main" id="{00000000-0008-0000-0100-000012000000}"/>
            </a:ext>
          </a:extLst>
        </xdr:cNvPr>
        <xdr:cNvSpPr/>
      </xdr:nvSpPr>
      <xdr:spPr>
        <a:xfrm>
          <a:off x="1971260" y="4224128"/>
          <a:ext cx="2020958" cy="861393"/>
        </a:xfrm>
        <a:prstGeom prst="wedgeRoundRectCallout">
          <a:avLst>
            <a:gd name="adj1" fmla="val -48458"/>
            <a:gd name="adj2" fmla="val -84711"/>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b="1">
              <a:solidFill>
                <a:srgbClr val="FF0000"/>
              </a:solidFill>
            </a:rPr>
            <a:t>注文書に記載の品名を記載</a:t>
          </a:r>
          <a:endParaRPr kumimoji="1" lang="en-US" altLang="ja-JP" sz="900" b="1">
            <a:solidFill>
              <a:srgbClr val="FF0000"/>
            </a:solidFill>
          </a:endParaRPr>
        </a:p>
        <a:p>
          <a:pPr algn="l"/>
          <a:r>
            <a:rPr kumimoji="1" lang="ja-JP" altLang="en-US" sz="900" b="1">
              <a:solidFill>
                <a:srgbClr val="FF0000"/>
              </a:solidFill>
            </a:rPr>
            <a:t>品名の後ろに軽減税率対象なら＊</a:t>
          </a:r>
          <a:r>
            <a:rPr kumimoji="1" lang="ja-JP" altLang="en-US" sz="900" b="1" baseline="0">
              <a:solidFill>
                <a:srgbClr val="FF0000"/>
              </a:solidFill>
            </a:rPr>
            <a:t>　</a:t>
          </a:r>
          <a:r>
            <a:rPr kumimoji="1" lang="ja-JP" altLang="en-US" sz="900" b="1">
              <a:solidFill>
                <a:srgbClr val="FF0000"/>
              </a:solidFill>
            </a:rPr>
            <a:t>非課税対象なら</a:t>
          </a:r>
          <a:r>
            <a:rPr kumimoji="1" lang="en-US" altLang="ja-JP" sz="900" b="1">
              <a:solidFill>
                <a:srgbClr val="FF0000"/>
              </a:solidFill>
            </a:rPr>
            <a:t>(</a:t>
          </a:r>
          <a:r>
            <a:rPr kumimoji="1" lang="ja-JP" altLang="en-US" sz="900" b="1">
              <a:solidFill>
                <a:srgbClr val="FF0000"/>
              </a:solidFill>
            </a:rPr>
            <a:t>非</a:t>
          </a:r>
          <a:r>
            <a:rPr kumimoji="1" lang="en-US" altLang="ja-JP" sz="900" b="1">
              <a:solidFill>
                <a:srgbClr val="FF0000"/>
              </a:solidFill>
            </a:rPr>
            <a:t>)</a:t>
          </a:r>
          <a:r>
            <a:rPr kumimoji="1" lang="ja-JP" altLang="en-US" sz="900" b="1">
              <a:solidFill>
                <a:srgbClr val="FF0000"/>
              </a:solidFill>
            </a:rPr>
            <a:t>を記載</a:t>
          </a:r>
        </a:p>
      </xdr:txBody>
    </xdr:sp>
    <xdr:clientData/>
  </xdr:twoCellAnchor>
  <xdr:twoCellAnchor>
    <xdr:from>
      <xdr:col>177</xdr:col>
      <xdr:colOff>41413</xdr:colOff>
      <xdr:row>37</xdr:row>
      <xdr:rowOff>66260</xdr:rowOff>
    </xdr:from>
    <xdr:to>
      <xdr:col>197</xdr:col>
      <xdr:colOff>24848</xdr:colOff>
      <xdr:row>49</xdr:row>
      <xdr:rowOff>33130</xdr:rowOff>
    </xdr:to>
    <xdr:sp macro="" textlink="">
      <xdr:nvSpPr>
        <xdr:cNvPr id="20" name="四角形: 角を丸くする 19">
          <a:extLst>
            <a:ext uri="{FF2B5EF4-FFF2-40B4-BE49-F238E27FC236}">
              <a16:creationId xmlns:a16="http://schemas.microsoft.com/office/drawing/2014/main" id="{00000000-0008-0000-0100-000014000000}"/>
            </a:ext>
          </a:extLst>
        </xdr:cNvPr>
        <xdr:cNvSpPr/>
      </xdr:nvSpPr>
      <xdr:spPr>
        <a:xfrm>
          <a:off x="8837543" y="3263347"/>
          <a:ext cx="977348" cy="853109"/>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60</xdr:col>
      <xdr:colOff>1</xdr:colOff>
      <xdr:row>33</xdr:row>
      <xdr:rowOff>24848</xdr:rowOff>
    </xdr:from>
    <xdr:to>
      <xdr:col>176</xdr:col>
      <xdr:colOff>8283</xdr:colOff>
      <xdr:row>38</xdr:row>
      <xdr:rowOff>41413</xdr:rowOff>
    </xdr:to>
    <xdr:cxnSp macro="">
      <xdr:nvCxnSpPr>
        <xdr:cNvPr id="22" name="直線矢印コネクタ 21">
          <a:extLst>
            <a:ext uri="{FF2B5EF4-FFF2-40B4-BE49-F238E27FC236}">
              <a16:creationId xmlns:a16="http://schemas.microsoft.com/office/drawing/2014/main" id="{00000000-0008-0000-0100-000016000000}"/>
            </a:ext>
          </a:extLst>
        </xdr:cNvPr>
        <xdr:cNvCxnSpPr/>
      </xdr:nvCxnSpPr>
      <xdr:spPr>
        <a:xfrm>
          <a:off x="7951305" y="2948609"/>
          <a:ext cx="803413" cy="356152"/>
        </a:xfrm>
        <a:prstGeom prst="straightConnector1">
          <a:avLst/>
        </a:prstGeom>
        <a:ln>
          <a:solidFill>
            <a:srgbClr val="FF0000"/>
          </a:solidFill>
          <a:headEnd type="triangle"/>
          <a:tailEnd type="triangle"/>
        </a:ln>
      </xdr:spPr>
      <xdr:style>
        <a:lnRef idx="3">
          <a:schemeClr val="dk1"/>
        </a:lnRef>
        <a:fillRef idx="0">
          <a:schemeClr val="dk1"/>
        </a:fillRef>
        <a:effectRef idx="2">
          <a:schemeClr val="dk1"/>
        </a:effectRef>
        <a:fontRef idx="minor">
          <a:schemeClr val="tx1"/>
        </a:fontRef>
      </xdr:style>
    </xdr:cxnSp>
    <xdr:clientData/>
  </xdr:twoCellAnchor>
  <xdr:twoCellAnchor>
    <xdr:from>
      <xdr:col>206</xdr:col>
      <xdr:colOff>49695</xdr:colOff>
      <xdr:row>38</xdr:row>
      <xdr:rowOff>8282</xdr:rowOff>
    </xdr:from>
    <xdr:to>
      <xdr:col>226</xdr:col>
      <xdr:colOff>33130</xdr:colOff>
      <xdr:row>49</xdr:row>
      <xdr:rowOff>49695</xdr:rowOff>
    </xdr:to>
    <xdr:sp macro="" textlink="">
      <xdr:nvSpPr>
        <xdr:cNvPr id="23" name="四角形: 角を丸くする 22">
          <a:extLst>
            <a:ext uri="{FF2B5EF4-FFF2-40B4-BE49-F238E27FC236}">
              <a16:creationId xmlns:a16="http://schemas.microsoft.com/office/drawing/2014/main" id="{00000000-0008-0000-0100-000017000000}"/>
            </a:ext>
          </a:extLst>
        </xdr:cNvPr>
        <xdr:cNvSpPr/>
      </xdr:nvSpPr>
      <xdr:spPr>
        <a:xfrm>
          <a:off x="10286999" y="3271630"/>
          <a:ext cx="977348" cy="861391"/>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96</xdr:col>
      <xdr:colOff>49695</xdr:colOff>
      <xdr:row>49</xdr:row>
      <xdr:rowOff>49695</xdr:rowOff>
    </xdr:from>
    <xdr:to>
      <xdr:col>216</xdr:col>
      <xdr:colOff>41412</xdr:colOff>
      <xdr:row>66</xdr:row>
      <xdr:rowOff>24847</xdr:rowOff>
    </xdr:to>
    <xdr:cxnSp macro="">
      <xdr:nvCxnSpPr>
        <xdr:cNvPr id="25" name="直線矢印コネクタ 24">
          <a:extLst>
            <a:ext uri="{FF2B5EF4-FFF2-40B4-BE49-F238E27FC236}">
              <a16:creationId xmlns:a16="http://schemas.microsoft.com/office/drawing/2014/main" id="{00000000-0008-0000-0100-000019000000}"/>
            </a:ext>
          </a:extLst>
        </xdr:cNvPr>
        <xdr:cNvCxnSpPr>
          <a:stCxn id="23" idx="2"/>
        </xdr:cNvCxnSpPr>
      </xdr:nvCxnSpPr>
      <xdr:spPr>
        <a:xfrm flipH="1">
          <a:off x="9790043" y="4133021"/>
          <a:ext cx="985630" cy="1242391"/>
        </a:xfrm>
        <a:prstGeom prst="straightConnector1">
          <a:avLst/>
        </a:prstGeom>
        <a:ln>
          <a:solidFill>
            <a:srgbClr val="FF0000"/>
          </a:solidFill>
          <a:headEnd type="triangle"/>
          <a:tailEnd type="triangle"/>
        </a:ln>
      </xdr:spPr>
      <xdr:style>
        <a:lnRef idx="3">
          <a:schemeClr val="dk1"/>
        </a:lnRef>
        <a:fillRef idx="0">
          <a:schemeClr val="dk1"/>
        </a:fillRef>
        <a:effectRef idx="2">
          <a:schemeClr val="dk1"/>
        </a:effectRef>
        <a:fontRef idx="minor">
          <a:schemeClr val="tx1"/>
        </a:fontRef>
      </xdr:style>
    </xdr:cxnSp>
    <xdr:clientData/>
  </xdr:twoCellAnchor>
  <xdr:twoCellAnchor>
    <xdr:from>
      <xdr:col>183</xdr:col>
      <xdr:colOff>16564</xdr:colOff>
      <xdr:row>66</xdr:row>
      <xdr:rowOff>8283</xdr:rowOff>
    </xdr:from>
    <xdr:to>
      <xdr:col>196</xdr:col>
      <xdr:colOff>33129</xdr:colOff>
      <xdr:row>70</xdr:row>
      <xdr:rowOff>24849</xdr:rowOff>
    </xdr:to>
    <xdr:sp macro="" textlink="">
      <xdr:nvSpPr>
        <xdr:cNvPr id="27" name="四角形: 角を丸くする 26">
          <a:extLst>
            <a:ext uri="{FF2B5EF4-FFF2-40B4-BE49-F238E27FC236}">
              <a16:creationId xmlns:a16="http://schemas.microsoft.com/office/drawing/2014/main" id="{00000000-0008-0000-0100-00001B000000}"/>
            </a:ext>
          </a:extLst>
        </xdr:cNvPr>
        <xdr:cNvSpPr/>
      </xdr:nvSpPr>
      <xdr:spPr>
        <a:xfrm>
          <a:off x="9110868" y="5358848"/>
          <a:ext cx="662609" cy="314740"/>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95</xdr:col>
      <xdr:colOff>41414</xdr:colOff>
      <xdr:row>51</xdr:row>
      <xdr:rowOff>57980</xdr:rowOff>
    </xdr:from>
    <xdr:to>
      <xdr:col>223</xdr:col>
      <xdr:colOff>16566</xdr:colOff>
      <xdr:row>58</xdr:row>
      <xdr:rowOff>66262</xdr:rowOff>
    </xdr:to>
    <xdr:sp macro="" textlink="">
      <xdr:nvSpPr>
        <xdr:cNvPr id="24" name="吹き出し: 角を丸めた四角形 23">
          <a:extLst>
            <a:ext uri="{FF2B5EF4-FFF2-40B4-BE49-F238E27FC236}">
              <a16:creationId xmlns:a16="http://schemas.microsoft.com/office/drawing/2014/main" id="{00000000-0008-0000-0100-000018000000}"/>
            </a:ext>
          </a:extLst>
        </xdr:cNvPr>
        <xdr:cNvSpPr/>
      </xdr:nvSpPr>
      <xdr:spPr>
        <a:xfrm>
          <a:off x="9732066" y="4290393"/>
          <a:ext cx="1366630" cy="530086"/>
        </a:xfrm>
        <a:prstGeom prst="wedgeRoundRectCallout">
          <a:avLst>
            <a:gd name="adj1" fmla="val -4497"/>
            <a:gd name="adj2" fmla="val -83581"/>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b="1">
              <a:solidFill>
                <a:srgbClr val="FF0000"/>
              </a:solidFill>
            </a:rPr>
            <a:t>注文毎の前月迄の</a:t>
          </a:r>
          <a:endParaRPr kumimoji="1" lang="en-US" altLang="ja-JP" sz="900" b="1">
            <a:solidFill>
              <a:srgbClr val="FF0000"/>
            </a:solidFill>
          </a:endParaRPr>
        </a:p>
        <a:p>
          <a:pPr algn="l"/>
          <a:r>
            <a:rPr kumimoji="1" lang="ja-JP" altLang="en-US" sz="900" b="1">
              <a:solidFill>
                <a:srgbClr val="FF0000"/>
              </a:solidFill>
            </a:rPr>
            <a:t>出来高を記入</a:t>
          </a:r>
        </a:p>
      </xdr:txBody>
    </xdr:sp>
    <xdr:clientData/>
  </xdr:twoCellAnchor>
  <xdr:twoCellAnchor>
    <xdr:from>
      <xdr:col>189</xdr:col>
      <xdr:colOff>0</xdr:colOff>
      <xdr:row>49</xdr:row>
      <xdr:rowOff>33130</xdr:rowOff>
    </xdr:from>
    <xdr:to>
      <xdr:col>189</xdr:col>
      <xdr:colOff>24848</xdr:colOff>
      <xdr:row>61</xdr:row>
      <xdr:rowOff>66260</xdr:rowOff>
    </xdr:to>
    <xdr:cxnSp macro="">
      <xdr:nvCxnSpPr>
        <xdr:cNvPr id="29" name="直線矢印コネクタ 28">
          <a:extLst>
            <a:ext uri="{FF2B5EF4-FFF2-40B4-BE49-F238E27FC236}">
              <a16:creationId xmlns:a16="http://schemas.microsoft.com/office/drawing/2014/main" id="{00000000-0008-0000-0100-00001D000000}"/>
            </a:ext>
          </a:extLst>
        </xdr:cNvPr>
        <xdr:cNvCxnSpPr>
          <a:endCxn id="31" idx="0"/>
        </xdr:cNvCxnSpPr>
      </xdr:nvCxnSpPr>
      <xdr:spPr>
        <a:xfrm>
          <a:off x="9392478" y="4116456"/>
          <a:ext cx="24848" cy="927652"/>
        </a:xfrm>
        <a:prstGeom prst="straightConnector1">
          <a:avLst/>
        </a:prstGeom>
        <a:ln>
          <a:solidFill>
            <a:srgbClr val="FF0000"/>
          </a:solidFill>
          <a:headEnd type="triangle"/>
          <a:tailEnd type="triangle"/>
        </a:ln>
      </xdr:spPr>
      <xdr:style>
        <a:lnRef idx="3">
          <a:schemeClr val="dk1"/>
        </a:lnRef>
        <a:fillRef idx="0">
          <a:schemeClr val="dk1"/>
        </a:fillRef>
        <a:effectRef idx="2">
          <a:schemeClr val="dk1"/>
        </a:effectRef>
        <a:fontRef idx="minor">
          <a:schemeClr val="tx1"/>
        </a:fontRef>
      </xdr:style>
    </xdr:cxnSp>
    <xdr:clientData/>
  </xdr:twoCellAnchor>
  <xdr:twoCellAnchor>
    <xdr:from>
      <xdr:col>182</xdr:col>
      <xdr:colOff>41412</xdr:colOff>
      <xdr:row>61</xdr:row>
      <xdr:rowOff>66260</xdr:rowOff>
    </xdr:from>
    <xdr:to>
      <xdr:col>196</xdr:col>
      <xdr:colOff>8282</xdr:colOff>
      <xdr:row>66</xdr:row>
      <xdr:rowOff>8283</xdr:rowOff>
    </xdr:to>
    <xdr:sp macro="" textlink="">
      <xdr:nvSpPr>
        <xdr:cNvPr id="31" name="四角形: 角を丸くする 30">
          <a:extLst>
            <a:ext uri="{FF2B5EF4-FFF2-40B4-BE49-F238E27FC236}">
              <a16:creationId xmlns:a16="http://schemas.microsoft.com/office/drawing/2014/main" id="{00000000-0008-0000-0100-00001F000000}"/>
            </a:ext>
          </a:extLst>
        </xdr:cNvPr>
        <xdr:cNvSpPr/>
      </xdr:nvSpPr>
      <xdr:spPr>
        <a:xfrm>
          <a:off x="9086021" y="5044108"/>
          <a:ext cx="662609" cy="314740"/>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51</xdr:col>
      <xdr:colOff>8282</xdr:colOff>
      <xdr:row>38</xdr:row>
      <xdr:rowOff>33130</xdr:rowOff>
    </xdr:from>
    <xdr:to>
      <xdr:col>168</xdr:col>
      <xdr:colOff>24847</xdr:colOff>
      <xdr:row>50</xdr:row>
      <xdr:rowOff>33130</xdr:rowOff>
    </xdr:to>
    <xdr:sp macro="" textlink="">
      <xdr:nvSpPr>
        <xdr:cNvPr id="32" name="四角形: 角を丸くする 31">
          <a:extLst>
            <a:ext uri="{FF2B5EF4-FFF2-40B4-BE49-F238E27FC236}">
              <a16:creationId xmlns:a16="http://schemas.microsoft.com/office/drawing/2014/main" id="{00000000-0008-0000-0100-000020000000}"/>
            </a:ext>
          </a:extLst>
        </xdr:cNvPr>
        <xdr:cNvSpPr/>
      </xdr:nvSpPr>
      <xdr:spPr>
        <a:xfrm>
          <a:off x="7512325" y="3296478"/>
          <a:ext cx="861392" cy="894522"/>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5</xdr:col>
      <xdr:colOff>41414</xdr:colOff>
      <xdr:row>37</xdr:row>
      <xdr:rowOff>41413</xdr:rowOff>
    </xdr:from>
    <xdr:to>
      <xdr:col>155</xdr:col>
      <xdr:colOff>41413</xdr:colOff>
      <xdr:row>42</xdr:row>
      <xdr:rowOff>8284</xdr:rowOff>
    </xdr:to>
    <xdr:sp macro="" textlink="">
      <xdr:nvSpPr>
        <xdr:cNvPr id="19" name="吹き出し: 角を丸めた四角形 18">
          <a:extLst>
            <a:ext uri="{FF2B5EF4-FFF2-40B4-BE49-F238E27FC236}">
              <a16:creationId xmlns:a16="http://schemas.microsoft.com/office/drawing/2014/main" id="{00000000-0008-0000-0100-000013000000}"/>
            </a:ext>
          </a:extLst>
        </xdr:cNvPr>
        <xdr:cNvSpPr/>
      </xdr:nvSpPr>
      <xdr:spPr>
        <a:xfrm>
          <a:off x="6750327" y="3238500"/>
          <a:ext cx="993912" cy="331306"/>
        </a:xfrm>
        <a:prstGeom prst="wedgeRoundRectCallout">
          <a:avLst>
            <a:gd name="adj1" fmla="val -3891"/>
            <a:gd name="adj2" fmla="val -119519"/>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b="1">
              <a:solidFill>
                <a:srgbClr val="FF0000"/>
              </a:solidFill>
            </a:rPr>
            <a:t>累計の出来高</a:t>
          </a:r>
        </a:p>
      </xdr:txBody>
    </xdr:sp>
    <xdr:clientData/>
  </xdr:twoCellAnchor>
  <xdr:twoCellAnchor>
    <xdr:from>
      <xdr:col>141</xdr:col>
      <xdr:colOff>1</xdr:colOff>
      <xdr:row>53</xdr:row>
      <xdr:rowOff>41415</xdr:rowOff>
    </xdr:from>
    <xdr:to>
      <xdr:col>162</xdr:col>
      <xdr:colOff>0</xdr:colOff>
      <xdr:row>58</xdr:row>
      <xdr:rowOff>4</xdr:rowOff>
    </xdr:to>
    <xdr:sp macro="" textlink="">
      <xdr:nvSpPr>
        <xdr:cNvPr id="33" name="吹き出し: 角を丸めた四角形 32">
          <a:extLst>
            <a:ext uri="{FF2B5EF4-FFF2-40B4-BE49-F238E27FC236}">
              <a16:creationId xmlns:a16="http://schemas.microsoft.com/office/drawing/2014/main" id="{00000000-0008-0000-0100-000021000000}"/>
            </a:ext>
          </a:extLst>
        </xdr:cNvPr>
        <xdr:cNvSpPr/>
      </xdr:nvSpPr>
      <xdr:spPr>
        <a:xfrm>
          <a:off x="7007088" y="4422915"/>
          <a:ext cx="1043608" cy="331306"/>
        </a:xfrm>
        <a:prstGeom prst="wedgeRoundRectCallout">
          <a:avLst>
            <a:gd name="adj1" fmla="val 34641"/>
            <a:gd name="adj2" fmla="val -117019"/>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b="1">
              <a:solidFill>
                <a:srgbClr val="FF0000"/>
              </a:solidFill>
            </a:rPr>
            <a:t>消費税率を記載</a:t>
          </a:r>
        </a:p>
      </xdr:txBody>
    </xdr:sp>
    <xdr:clientData/>
  </xdr:twoCellAnchor>
  <xdr:twoCellAnchor>
    <xdr:from>
      <xdr:col>0</xdr:col>
      <xdr:colOff>13139</xdr:colOff>
      <xdr:row>63</xdr:row>
      <xdr:rowOff>59121</xdr:rowOff>
    </xdr:from>
    <xdr:to>
      <xdr:col>130</xdr:col>
      <xdr:colOff>32844</xdr:colOff>
      <xdr:row>98</xdr:row>
      <xdr:rowOff>0</xdr:rowOff>
    </xdr:to>
    <xdr:sp macro="" textlink="">
      <xdr:nvSpPr>
        <xdr:cNvPr id="36" name="四角形: 角を丸くする 35">
          <a:extLst>
            <a:ext uri="{FF2B5EF4-FFF2-40B4-BE49-F238E27FC236}">
              <a16:creationId xmlns:a16="http://schemas.microsoft.com/office/drawing/2014/main" id="{00000000-0008-0000-0100-000024000000}"/>
            </a:ext>
          </a:extLst>
        </xdr:cNvPr>
        <xdr:cNvSpPr/>
      </xdr:nvSpPr>
      <xdr:spPr>
        <a:xfrm>
          <a:off x="13139" y="5393121"/>
          <a:ext cx="5997464" cy="2699845"/>
        </a:xfrm>
        <a:prstGeom prst="roundRect">
          <a:avLst/>
        </a:prstGeom>
        <a:noFill/>
        <a:ln w="28575">
          <a:solidFill>
            <a:srgbClr val="FF33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7</xdr:col>
      <xdr:colOff>13137</xdr:colOff>
      <xdr:row>55</xdr:row>
      <xdr:rowOff>59121</xdr:rowOff>
    </xdr:from>
    <xdr:to>
      <xdr:col>122</xdr:col>
      <xdr:colOff>26275</xdr:colOff>
      <xdr:row>60</xdr:row>
      <xdr:rowOff>17710</xdr:rowOff>
    </xdr:to>
    <xdr:sp macro="" textlink="">
      <xdr:nvSpPr>
        <xdr:cNvPr id="37" name="吹き出し: 角を丸めた四角形 36">
          <a:extLst>
            <a:ext uri="{FF2B5EF4-FFF2-40B4-BE49-F238E27FC236}">
              <a16:creationId xmlns:a16="http://schemas.microsoft.com/office/drawing/2014/main" id="{00000000-0008-0000-0100-000025000000}"/>
            </a:ext>
          </a:extLst>
        </xdr:cNvPr>
        <xdr:cNvSpPr/>
      </xdr:nvSpPr>
      <xdr:spPr>
        <a:xfrm>
          <a:off x="4473465" y="4762500"/>
          <a:ext cx="1162707" cy="352727"/>
        </a:xfrm>
        <a:prstGeom prst="wedgeRoundRectCallout">
          <a:avLst>
            <a:gd name="adj1" fmla="val -50151"/>
            <a:gd name="adj2" fmla="val 119499"/>
            <a:gd name="adj3" fmla="val 16667"/>
          </a:avLst>
        </a:prstGeom>
        <a:solidFill>
          <a:schemeClr val="bg1"/>
        </a:solidFill>
        <a:ln w="28575">
          <a:solidFill>
            <a:srgbClr val="FF0000"/>
          </a:solidFill>
        </a:ln>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b="1">
              <a:solidFill>
                <a:srgbClr val="FF0000"/>
              </a:solidFill>
            </a:rPr>
            <a:t>記入・入力不要</a:t>
          </a: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2BB1FD-8538-4DDC-8CC9-0AC2AEBAD008}">
  <sheetPr>
    <pageSetUpPr fitToPage="1"/>
  </sheetPr>
  <dimension ref="B1:IC99"/>
  <sheetViews>
    <sheetView tabSelected="1" zoomScale="115" zoomScaleNormal="115" workbookViewId="0">
      <selection activeCell="GO72" sqref="GO72:HQ75"/>
    </sheetView>
  </sheetViews>
  <sheetFormatPr defaultRowHeight="10.5" customHeight="1"/>
  <cols>
    <col min="1" max="226" width="0.625" style="1" customWidth="1"/>
    <col min="227" max="227" width="4" style="1" customWidth="1"/>
    <col min="228" max="256" width="9" style="1"/>
    <col min="257" max="482" width="0.625" style="1" customWidth="1"/>
    <col min="483" max="512" width="9" style="1"/>
    <col min="513" max="738" width="0.625" style="1" customWidth="1"/>
    <col min="739" max="768" width="9" style="1"/>
    <col min="769" max="994" width="0.625" style="1" customWidth="1"/>
    <col min="995" max="1024" width="9" style="1"/>
    <col min="1025" max="1250" width="0.625" style="1" customWidth="1"/>
    <col min="1251" max="1280" width="9" style="1"/>
    <col min="1281" max="1506" width="0.625" style="1" customWidth="1"/>
    <col min="1507" max="1536" width="9" style="1"/>
    <col min="1537" max="1762" width="0.625" style="1" customWidth="1"/>
    <col min="1763" max="1792" width="9" style="1"/>
    <col min="1793" max="2018" width="0.625" style="1" customWidth="1"/>
    <col min="2019" max="2048" width="9" style="1"/>
    <col min="2049" max="2274" width="0.625" style="1" customWidth="1"/>
    <col min="2275" max="2304" width="9" style="1"/>
    <col min="2305" max="2530" width="0.625" style="1" customWidth="1"/>
    <col min="2531" max="2560" width="9" style="1"/>
    <col min="2561" max="2786" width="0.625" style="1" customWidth="1"/>
    <col min="2787" max="2816" width="9" style="1"/>
    <col min="2817" max="3042" width="0.625" style="1" customWidth="1"/>
    <col min="3043" max="3072" width="9" style="1"/>
    <col min="3073" max="3298" width="0.625" style="1" customWidth="1"/>
    <col min="3299" max="3328" width="9" style="1"/>
    <col min="3329" max="3554" width="0.625" style="1" customWidth="1"/>
    <col min="3555" max="3584" width="9" style="1"/>
    <col min="3585" max="3810" width="0.625" style="1" customWidth="1"/>
    <col min="3811" max="3840" width="9" style="1"/>
    <col min="3841" max="4066" width="0.625" style="1" customWidth="1"/>
    <col min="4067" max="4096" width="9" style="1"/>
    <col min="4097" max="4322" width="0.625" style="1" customWidth="1"/>
    <col min="4323" max="4352" width="9" style="1"/>
    <col min="4353" max="4578" width="0.625" style="1" customWidth="1"/>
    <col min="4579" max="4608" width="9" style="1"/>
    <col min="4609" max="4834" width="0.625" style="1" customWidth="1"/>
    <col min="4835" max="4864" width="9" style="1"/>
    <col min="4865" max="5090" width="0.625" style="1" customWidth="1"/>
    <col min="5091" max="5120" width="9" style="1"/>
    <col min="5121" max="5346" width="0.625" style="1" customWidth="1"/>
    <col min="5347" max="5376" width="9" style="1"/>
    <col min="5377" max="5602" width="0.625" style="1" customWidth="1"/>
    <col min="5603" max="5632" width="9" style="1"/>
    <col min="5633" max="5858" width="0.625" style="1" customWidth="1"/>
    <col min="5859" max="5888" width="9" style="1"/>
    <col min="5889" max="6114" width="0.625" style="1" customWidth="1"/>
    <col min="6115" max="6144" width="9" style="1"/>
    <col min="6145" max="6370" width="0.625" style="1" customWidth="1"/>
    <col min="6371" max="6400" width="9" style="1"/>
    <col min="6401" max="6626" width="0.625" style="1" customWidth="1"/>
    <col min="6627" max="6656" width="9" style="1"/>
    <col min="6657" max="6882" width="0.625" style="1" customWidth="1"/>
    <col min="6883" max="6912" width="9" style="1"/>
    <col min="6913" max="7138" width="0.625" style="1" customWidth="1"/>
    <col min="7139" max="7168" width="9" style="1"/>
    <col min="7169" max="7394" width="0.625" style="1" customWidth="1"/>
    <col min="7395" max="7424" width="9" style="1"/>
    <col min="7425" max="7650" width="0.625" style="1" customWidth="1"/>
    <col min="7651" max="7680" width="9" style="1"/>
    <col min="7681" max="7906" width="0.625" style="1" customWidth="1"/>
    <col min="7907" max="7936" width="9" style="1"/>
    <col min="7937" max="8162" width="0.625" style="1" customWidth="1"/>
    <col min="8163" max="8192" width="9" style="1"/>
    <col min="8193" max="8418" width="0.625" style="1" customWidth="1"/>
    <col min="8419" max="8448" width="9" style="1"/>
    <col min="8449" max="8674" width="0.625" style="1" customWidth="1"/>
    <col min="8675" max="8704" width="9" style="1"/>
    <col min="8705" max="8930" width="0.625" style="1" customWidth="1"/>
    <col min="8931" max="8960" width="9" style="1"/>
    <col min="8961" max="9186" width="0.625" style="1" customWidth="1"/>
    <col min="9187" max="9216" width="9" style="1"/>
    <col min="9217" max="9442" width="0.625" style="1" customWidth="1"/>
    <col min="9443" max="9472" width="9" style="1"/>
    <col min="9473" max="9698" width="0.625" style="1" customWidth="1"/>
    <col min="9699" max="9728" width="9" style="1"/>
    <col min="9729" max="9954" width="0.625" style="1" customWidth="1"/>
    <col min="9955" max="9984" width="9" style="1"/>
    <col min="9985" max="10210" width="0.625" style="1" customWidth="1"/>
    <col min="10211" max="10240" width="9" style="1"/>
    <col min="10241" max="10466" width="0.625" style="1" customWidth="1"/>
    <col min="10467" max="10496" width="9" style="1"/>
    <col min="10497" max="10722" width="0.625" style="1" customWidth="1"/>
    <col min="10723" max="10752" width="9" style="1"/>
    <col min="10753" max="10978" width="0.625" style="1" customWidth="1"/>
    <col min="10979" max="11008" width="9" style="1"/>
    <col min="11009" max="11234" width="0.625" style="1" customWidth="1"/>
    <col min="11235" max="11264" width="9" style="1"/>
    <col min="11265" max="11490" width="0.625" style="1" customWidth="1"/>
    <col min="11491" max="11520" width="9" style="1"/>
    <col min="11521" max="11746" width="0.625" style="1" customWidth="1"/>
    <col min="11747" max="11776" width="9" style="1"/>
    <col min="11777" max="12002" width="0.625" style="1" customWidth="1"/>
    <col min="12003" max="12032" width="9" style="1"/>
    <col min="12033" max="12258" width="0.625" style="1" customWidth="1"/>
    <col min="12259" max="12288" width="9" style="1"/>
    <col min="12289" max="12514" width="0.625" style="1" customWidth="1"/>
    <col min="12515" max="12544" width="9" style="1"/>
    <col min="12545" max="12770" width="0.625" style="1" customWidth="1"/>
    <col min="12771" max="12800" width="9" style="1"/>
    <col min="12801" max="13026" width="0.625" style="1" customWidth="1"/>
    <col min="13027" max="13056" width="9" style="1"/>
    <col min="13057" max="13282" width="0.625" style="1" customWidth="1"/>
    <col min="13283" max="13312" width="9" style="1"/>
    <col min="13313" max="13538" width="0.625" style="1" customWidth="1"/>
    <col min="13539" max="13568" width="9" style="1"/>
    <col min="13569" max="13794" width="0.625" style="1" customWidth="1"/>
    <col min="13795" max="13824" width="9" style="1"/>
    <col min="13825" max="14050" width="0.625" style="1" customWidth="1"/>
    <col min="14051" max="14080" width="9" style="1"/>
    <col min="14081" max="14306" width="0.625" style="1" customWidth="1"/>
    <col min="14307" max="14336" width="9" style="1"/>
    <col min="14337" max="14562" width="0.625" style="1" customWidth="1"/>
    <col min="14563" max="14592" width="9" style="1"/>
    <col min="14593" max="14818" width="0.625" style="1" customWidth="1"/>
    <col min="14819" max="14848" width="9" style="1"/>
    <col min="14849" max="15074" width="0.625" style="1" customWidth="1"/>
    <col min="15075" max="15104" width="9" style="1"/>
    <col min="15105" max="15330" width="0.625" style="1" customWidth="1"/>
    <col min="15331" max="15360" width="9" style="1"/>
    <col min="15361" max="15586" width="0.625" style="1" customWidth="1"/>
    <col min="15587" max="15616" width="9" style="1"/>
    <col min="15617" max="15842" width="0.625" style="1" customWidth="1"/>
    <col min="15843" max="15872" width="9" style="1"/>
    <col min="15873" max="16098" width="0.625" style="1" customWidth="1"/>
    <col min="16099" max="16128" width="9" style="1"/>
    <col min="16129" max="16354" width="0.625" style="1" customWidth="1"/>
    <col min="16355" max="16384" width="9" style="1"/>
  </cols>
  <sheetData>
    <row r="1" spans="2:234" ht="10.5" customHeight="1">
      <c r="C1" s="62"/>
      <c r="D1" s="63"/>
      <c r="E1" s="63"/>
      <c r="F1" s="63"/>
      <c r="G1" s="63"/>
      <c r="H1" s="63"/>
      <c r="I1" s="63"/>
      <c r="J1" s="63"/>
      <c r="K1" s="63"/>
      <c r="L1" s="63"/>
      <c r="M1" s="63"/>
      <c r="N1" s="63"/>
      <c r="O1" s="63"/>
      <c r="P1" s="63"/>
      <c r="Q1" s="63"/>
      <c r="R1" s="63"/>
      <c r="S1" s="63"/>
      <c r="BX1" s="2"/>
      <c r="BY1" s="2"/>
      <c r="BZ1" s="2"/>
      <c r="CA1" s="2"/>
      <c r="CB1" s="2"/>
      <c r="CC1" s="2"/>
      <c r="CD1" s="2"/>
      <c r="CE1" s="2"/>
      <c r="CF1" s="2"/>
      <c r="CG1" s="2"/>
      <c r="CH1" s="2"/>
      <c r="CI1" s="70"/>
      <c r="CJ1" s="70"/>
      <c r="CK1" s="70"/>
      <c r="CL1" s="70"/>
      <c r="CM1" s="70"/>
      <c r="CN1" s="70"/>
      <c r="CO1" s="70"/>
      <c r="CP1" s="70"/>
      <c r="CQ1" s="70"/>
      <c r="CR1" s="70"/>
      <c r="CS1" s="70"/>
      <c r="CT1" s="70"/>
      <c r="CU1" s="70"/>
      <c r="CV1" s="70"/>
      <c r="CW1" s="70"/>
      <c r="CX1" s="70"/>
      <c r="CY1" s="70"/>
      <c r="CZ1" s="70"/>
      <c r="DA1" s="70"/>
      <c r="DB1" s="70"/>
      <c r="DC1" s="70"/>
      <c r="DD1" s="70"/>
      <c r="DE1" s="70"/>
      <c r="DF1" s="70"/>
      <c r="DG1" s="70"/>
      <c r="DH1" s="70"/>
      <c r="DI1" s="70"/>
      <c r="DJ1" s="70"/>
      <c r="DK1" s="70"/>
      <c r="DL1" s="70"/>
      <c r="DM1" s="70"/>
      <c r="DN1" s="70"/>
      <c r="DO1" s="70"/>
      <c r="DP1" s="70"/>
      <c r="DQ1" s="70"/>
      <c r="DR1" s="70"/>
      <c r="DS1" s="70"/>
      <c r="DT1" s="70"/>
      <c r="DU1" s="70"/>
      <c r="DV1" s="70"/>
      <c r="DW1" s="70"/>
      <c r="DX1" s="70"/>
      <c r="DY1" s="70"/>
      <c r="DZ1" s="70"/>
      <c r="EA1" s="70"/>
      <c r="EB1" s="70"/>
      <c r="EC1" s="70"/>
      <c r="ED1" s="70"/>
      <c r="EE1" s="70"/>
      <c r="EF1" s="70"/>
      <c r="EG1" s="70"/>
      <c r="EH1" s="70"/>
      <c r="EI1" s="70"/>
      <c r="EJ1" s="70"/>
      <c r="EK1" s="2"/>
      <c r="EL1" s="2"/>
      <c r="EM1" s="2"/>
      <c r="EN1" s="62"/>
      <c r="EO1" s="63"/>
      <c r="EP1" s="63"/>
      <c r="EQ1" s="63"/>
      <c r="ER1" s="63"/>
      <c r="ES1" s="63"/>
      <c r="ET1" s="63"/>
      <c r="EU1" s="63"/>
      <c r="EV1" s="63"/>
      <c r="EW1" s="63"/>
      <c r="EX1" s="63"/>
      <c r="EY1" s="63"/>
      <c r="EZ1" s="63"/>
      <c r="FA1" s="63"/>
      <c r="FB1" s="63"/>
      <c r="FC1" s="63"/>
      <c r="FD1" s="63"/>
    </row>
    <row r="2" spans="2:234" ht="10.5" customHeight="1">
      <c r="C2" s="63"/>
      <c r="D2" s="63"/>
      <c r="E2" s="63"/>
      <c r="F2" s="63"/>
      <c r="G2" s="63"/>
      <c r="H2" s="63"/>
      <c r="I2" s="63"/>
      <c r="J2" s="63"/>
      <c r="K2" s="63"/>
      <c r="L2" s="63"/>
      <c r="M2" s="63"/>
      <c r="N2" s="63"/>
      <c r="O2" s="63"/>
      <c r="P2" s="63"/>
      <c r="Q2" s="63"/>
      <c r="R2" s="63"/>
      <c r="S2" s="63"/>
      <c r="BX2" s="2"/>
      <c r="BY2" s="2"/>
      <c r="BZ2" s="2"/>
      <c r="CA2" s="2"/>
      <c r="CB2" s="2"/>
      <c r="CC2" s="2"/>
      <c r="CD2" s="2"/>
      <c r="CE2" s="2"/>
      <c r="CF2" s="2"/>
      <c r="CG2" s="2"/>
      <c r="CH2" s="2"/>
      <c r="CI2" s="70"/>
      <c r="CJ2" s="70"/>
      <c r="CK2" s="70"/>
      <c r="CL2" s="70"/>
      <c r="CM2" s="70"/>
      <c r="CN2" s="70"/>
      <c r="CO2" s="70"/>
      <c r="CP2" s="70"/>
      <c r="CQ2" s="70"/>
      <c r="CR2" s="70"/>
      <c r="CS2" s="70"/>
      <c r="CT2" s="70"/>
      <c r="CU2" s="70"/>
      <c r="CV2" s="70"/>
      <c r="CW2" s="70"/>
      <c r="CX2" s="70"/>
      <c r="CY2" s="70"/>
      <c r="CZ2" s="70"/>
      <c r="DA2" s="70"/>
      <c r="DB2" s="70"/>
      <c r="DC2" s="70"/>
      <c r="DD2" s="70"/>
      <c r="DE2" s="70"/>
      <c r="DF2" s="70"/>
      <c r="DG2" s="70"/>
      <c r="DH2" s="70"/>
      <c r="DI2" s="70"/>
      <c r="DJ2" s="70"/>
      <c r="DK2" s="70"/>
      <c r="DL2" s="70"/>
      <c r="DM2" s="70"/>
      <c r="DN2" s="70"/>
      <c r="DO2" s="70"/>
      <c r="DP2" s="70"/>
      <c r="DQ2" s="70"/>
      <c r="DR2" s="70"/>
      <c r="DS2" s="70"/>
      <c r="DT2" s="70"/>
      <c r="DU2" s="70"/>
      <c r="DV2" s="70"/>
      <c r="DW2" s="70"/>
      <c r="DX2" s="70"/>
      <c r="DY2" s="70"/>
      <c r="DZ2" s="70"/>
      <c r="EA2" s="70"/>
      <c r="EB2" s="70"/>
      <c r="EC2" s="70"/>
      <c r="ED2" s="70"/>
      <c r="EE2" s="70"/>
      <c r="EF2" s="70"/>
      <c r="EG2" s="70"/>
      <c r="EH2" s="70"/>
      <c r="EI2" s="70"/>
      <c r="EJ2" s="70"/>
      <c r="EK2" s="3"/>
      <c r="EL2" s="3"/>
      <c r="EM2" s="3"/>
      <c r="EN2" s="397" t="s">
        <v>63</v>
      </c>
      <c r="EO2" s="397"/>
      <c r="EP2" s="397"/>
      <c r="EQ2" s="397"/>
      <c r="ER2" s="397"/>
      <c r="ES2" s="397"/>
      <c r="ET2" s="397"/>
      <c r="EU2" s="397"/>
      <c r="EV2" s="397"/>
      <c r="EW2" s="397"/>
      <c r="EX2" s="397"/>
      <c r="EY2" s="397"/>
      <c r="EZ2" s="397"/>
      <c r="FA2" s="397"/>
      <c r="FB2" s="397"/>
      <c r="FC2" s="397"/>
      <c r="FD2" s="397"/>
      <c r="FE2" s="397"/>
      <c r="FF2" s="397"/>
      <c r="FG2" s="397"/>
      <c r="FH2" s="397"/>
      <c r="FI2" s="397"/>
      <c r="FJ2" s="397"/>
      <c r="FK2" s="397"/>
      <c r="FL2" s="397"/>
      <c r="FM2" s="397"/>
      <c r="FN2" s="397"/>
      <c r="FO2" s="397"/>
      <c r="FP2" s="397"/>
      <c r="FQ2" s="397"/>
      <c r="FR2" s="397"/>
      <c r="FS2" s="397"/>
      <c r="FT2" s="397"/>
      <c r="FU2" s="397"/>
      <c r="FV2" s="348"/>
      <c r="FW2" s="348"/>
      <c r="FX2" s="348"/>
      <c r="FY2" s="348"/>
      <c r="FZ2" s="348"/>
      <c r="GA2" s="348"/>
      <c r="GB2" s="348"/>
      <c r="GC2" s="348"/>
      <c r="GD2" s="348"/>
      <c r="GE2" s="348"/>
      <c r="GF2" s="348"/>
      <c r="GG2" s="348"/>
      <c r="GH2" s="348"/>
      <c r="GI2" s="348"/>
      <c r="GJ2" s="348"/>
      <c r="GK2" s="348"/>
      <c r="GL2" s="348"/>
      <c r="GM2" s="348"/>
      <c r="GN2" s="348"/>
      <c r="GO2" s="348"/>
      <c r="GP2" s="348"/>
      <c r="GQ2" s="348"/>
      <c r="GR2" s="348"/>
      <c r="GS2" s="348"/>
      <c r="GT2" s="348"/>
      <c r="GU2" s="348"/>
      <c r="GV2" s="348"/>
      <c r="GW2" s="348"/>
      <c r="GX2" s="348"/>
      <c r="GY2" s="348"/>
      <c r="GZ2" s="348"/>
      <c r="HA2" s="348"/>
      <c r="HB2" s="348"/>
      <c r="HC2" s="348"/>
      <c r="HD2" s="348"/>
      <c r="HE2" s="348"/>
      <c r="HF2" s="348"/>
      <c r="HG2" s="348"/>
      <c r="HH2" s="348"/>
      <c r="HI2" s="348"/>
      <c r="HJ2" s="348"/>
      <c r="HK2" s="348"/>
      <c r="HL2" s="348"/>
      <c r="HM2" s="348"/>
      <c r="HN2" s="348"/>
      <c r="HO2" s="348"/>
      <c r="HP2" s="348"/>
      <c r="HQ2" s="348"/>
      <c r="HR2" s="1">
        <v>1</v>
      </c>
    </row>
    <row r="3" spans="2:234" ht="10.5" customHeight="1">
      <c r="C3" s="63"/>
      <c r="D3" s="63"/>
      <c r="E3" s="63"/>
      <c r="F3" s="63"/>
      <c r="G3" s="63"/>
      <c r="H3" s="63"/>
      <c r="I3" s="63"/>
      <c r="J3" s="63"/>
      <c r="K3" s="63"/>
      <c r="L3" s="63"/>
      <c r="M3" s="63"/>
      <c r="N3" s="63"/>
      <c r="O3" s="63"/>
      <c r="P3" s="63"/>
      <c r="Q3" s="63"/>
      <c r="R3" s="63"/>
      <c r="S3" s="63"/>
      <c r="BX3" s="2"/>
      <c r="BY3" s="2"/>
      <c r="BZ3" s="2"/>
      <c r="CA3" s="2"/>
      <c r="CB3" s="2"/>
      <c r="CC3" s="2"/>
      <c r="CD3" s="2"/>
      <c r="CE3" s="2"/>
      <c r="CF3" s="2"/>
      <c r="CG3" s="2"/>
      <c r="CH3" s="2"/>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3"/>
      <c r="EL3" s="3"/>
      <c r="EM3" s="3"/>
      <c r="EN3" s="397"/>
      <c r="EO3" s="397"/>
      <c r="EP3" s="397"/>
      <c r="EQ3" s="397"/>
      <c r="ER3" s="397"/>
      <c r="ES3" s="397"/>
      <c r="ET3" s="397"/>
      <c r="EU3" s="397"/>
      <c r="EV3" s="397"/>
      <c r="EW3" s="397"/>
      <c r="EX3" s="397"/>
      <c r="EY3" s="397"/>
      <c r="EZ3" s="397"/>
      <c r="FA3" s="397"/>
      <c r="FB3" s="397"/>
      <c r="FC3" s="397"/>
      <c r="FD3" s="397"/>
      <c r="FE3" s="397"/>
      <c r="FF3" s="397"/>
      <c r="FG3" s="397"/>
      <c r="FH3" s="397"/>
      <c r="FI3" s="397"/>
      <c r="FJ3" s="397"/>
      <c r="FK3" s="397"/>
      <c r="FL3" s="397"/>
      <c r="FM3" s="397"/>
      <c r="FN3" s="397"/>
      <c r="FO3" s="397"/>
      <c r="FP3" s="397"/>
      <c r="FQ3" s="397"/>
      <c r="FR3" s="397"/>
      <c r="FS3" s="397"/>
      <c r="FT3" s="397"/>
      <c r="FU3" s="397"/>
      <c r="FV3" s="348"/>
      <c r="FW3" s="348"/>
      <c r="FX3" s="348"/>
      <c r="FY3" s="348"/>
      <c r="FZ3" s="348"/>
      <c r="GA3" s="348"/>
      <c r="GB3" s="348"/>
      <c r="GC3" s="348"/>
      <c r="GD3" s="348"/>
      <c r="GE3" s="348"/>
      <c r="GF3" s="348"/>
      <c r="GG3" s="348"/>
      <c r="GH3" s="348"/>
      <c r="GI3" s="348"/>
      <c r="GJ3" s="348"/>
      <c r="GK3" s="348"/>
      <c r="GL3" s="348"/>
      <c r="GM3" s="348"/>
      <c r="GN3" s="348"/>
      <c r="GO3" s="348"/>
      <c r="GP3" s="348"/>
      <c r="GQ3" s="348"/>
      <c r="GR3" s="348"/>
      <c r="GS3" s="348"/>
      <c r="GT3" s="348"/>
      <c r="GU3" s="348"/>
      <c r="GV3" s="348"/>
      <c r="GW3" s="348"/>
      <c r="GX3" s="348"/>
      <c r="GY3" s="348"/>
      <c r="GZ3" s="348"/>
      <c r="HA3" s="348"/>
      <c r="HB3" s="348"/>
      <c r="HC3" s="348"/>
      <c r="HD3" s="348"/>
      <c r="HE3" s="348"/>
      <c r="HF3" s="348"/>
      <c r="HG3" s="348"/>
      <c r="HH3" s="348"/>
      <c r="HI3" s="348"/>
      <c r="HJ3" s="348"/>
      <c r="HK3" s="348"/>
      <c r="HL3" s="348"/>
      <c r="HM3" s="348"/>
      <c r="HN3" s="348"/>
      <c r="HO3" s="348"/>
      <c r="HP3" s="348"/>
      <c r="HQ3" s="348"/>
      <c r="HR3" s="1">
        <v>1</v>
      </c>
    </row>
    <row r="4" spans="2:234" ht="10.5" customHeight="1">
      <c r="BV4" s="2"/>
      <c r="BW4" s="2"/>
      <c r="BX4" s="2"/>
      <c r="BY4" s="2"/>
      <c r="BZ4" s="2"/>
      <c r="CA4" s="2"/>
      <c r="CB4" s="2"/>
      <c r="CC4" s="2"/>
      <c r="CD4" s="2"/>
      <c r="CE4" s="2"/>
      <c r="CF4" s="2"/>
      <c r="CG4" s="2"/>
      <c r="CH4" s="2"/>
      <c r="CI4" s="371" t="s">
        <v>71</v>
      </c>
      <c r="CJ4" s="371"/>
      <c r="CK4" s="371"/>
      <c r="CL4" s="371"/>
      <c r="CM4" s="371"/>
      <c r="CN4" s="371"/>
      <c r="CO4" s="371"/>
      <c r="CP4" s="371"/>
      <c r="CQ4" s="371"/>
      <c r="CR4" s="371"/>
      <c r="CS4" s="371"/>
      <c r="CT4" s="371"/>
      <c r="CU4" s="371"/>
      <c r="CV4" s="371"/>
      <c r="CW4" s="371"/>
      <c r="CX4" s="371"/>
      <c r="CY4" s="371"/>
      <c r="CZ4" s="371"/>
      <c r="DA4" s="371"/>
      <c r="DB4" s="371"/>
      <c r="DC4" s="371"/>
      <c r="DD4" s="371"/>
      <c r="DE4" s="371"/>
      <c r="DF4" s="371"/>
      <c r="DG4" s="371"/>
      <c r="DH4" s="371"/>
      <c r="DI4" s="371"/>
      <c r="DJ4" s="371"/>
      <c r="DK4" s="371"/>
      <c r="DL4" s="371"/>
      <c r="DM4" s="371"/>
      <c r="DN4" s="371"/>
      <c r="DO4" s="371"/>
      <c r="DP4" s="371"/>
      <c r="DQ4" s="371"/>
      <c r="DR4" s="371"/>
      <c r="DS4" s="371"/>
      <c r="DT4" s="371"/>
      <c r="DU4" s="371"/>
      <c r="DV4" s="371"/>
      <c r="DW4" s="371"/>
      <c r="DX4" s="371"/>
      <c r="DY4" s="371"/>
      <c r="DZ4" s="371"/>
      <c r="EA4" s="371"/>
      <c r="EB4" s="371"/>
      <c r="EC4" s="371"/>
      <c r="ED4" s="371"/>
      <c r="EE4" s="371"/>
      <c r="EF4" s="371"/>
      <c r="EG4" s="371"/>
      <c r="EH4" s="371"/>
      <c r="EI4" s="371"/>
      <c r="EJ4" s="371"/>
      <c r="EK4" s="3"/>
      <c r="EL4" s="3"/>
      <c r="EM4" s="3"/>
      <c r="EN4" s="397"/>
      <c r="EO4" s="397"/>
      <c r="EP4" s="397"/>
      <c r="EQ4" s="397"/>
      <c r="ER4" s="397"/>
      <c r="ES4" s="397"/>
      <c r="ET4" s="397"/>
      <c r="EU4" s="397"/>
      <c r="EV4" s="397"/>
      <c r="EW4" s="397"/>
      <c r="EX4" s="397"/>
      <c r="EY4" s="397"/>
      <c r="EZ4" s="397"/>
      <c r="FA4" s="397"/>
      <c r="FB4" s="397"/>
      <c r="FC4" s="397"/>
      <c r="FD4" s="397"/>
      <c r="FE4" s="397"/>
      <c r="FF4" s="397"/>
      <c r="FG4" s="397"/>
      <c r="FH4" s="397"/>
      <c r="FI4" s="397"/>
      <c r="FJ4" s="397"/>
      <c r="FK4" s="397"/>
      <c r="FL4" s="397"/>
      <c r="FM4" s="397"/>
      <c r="FN4" s="397"/>
      <c r="FO4" s="397"/>
      <c r="FP4" s="397"/>
      <c r="FQ4" s="397"/>
      <c r="FR4" s="397"/>
      <c r="FS4" s="397"/>
      <c r="FT4" s="397"/>
      <c r="FU4" s="397"/>
      <c r="FV4" s="348"/>
      <c r="FW4" s="348"/>
      <c r="FX4" s="348"/>
      <c r="FY4" s="348"/>
      <c r="FZ4" s="348"/>
      <c r="GA4" s="348"/>
      <c r="GB4" s="348"/>
      <c r="GC4" s="348"/>
      <c r="GD4" s="348"/>
      <c r="GE4" s="348"/>
      <c r="GF4" s="348"/>
      <c r="GG4" s="348"/>
      <c r="GH4" s="348"/>
      <c r="GI4" s="348"/>
      <c r="GJ4" s="348"/>
      <c r="GK4" s="348"/>
      <c r="GL4" s="348"/>
      <c r="GM4" s="348"/>
      <c r="GN4" s="348"/>
      <c r="GO4" s="348"/>
      <c r="GP4" s="348"/>
      <c r="GQ4" s="348"/>
      <c r="GR4" s="348"/>
      <c r="GS4" s="348"/>
      <c r="GT4" s="348"/>
      <c r="GU4" s="348"/>
      <c r="GV4" s="348"/>
      <c r="GW4" s="348"/>
      <c r="GX4" s="348"/>
      <c r="GY4" s="348"/>
      <c r="GZ4" s="348"/>
      <c r="HA4" s="348"/>
      <c r="HB4" s="348"/>
      <c r="HC4" s="348"/>
      <c r="HD4" s="348"/>
      <c r="HE4" s="348"/>
      <c r="HF4" s="348"/>
      <c r="HG4" s="348"/>
      <c r="HH4" s="348"/>
      <c r="HI4" s="348"/>
      <c r="HJ4" s="348"/>
      <c r="HK4" s="348"/>
      <c r="HL4" s="348"/>
      <c r="HM4" s="348"/>
      <c r="HN4" s="348"/>
      <c r="HO4" s="348"/>
      <c r="HP4" s="348"/>
      <c r="HQ4" s="348"/>
      <c r="HR4" s="4"/>
      <c r="HS4" s="4"/>
      <c r="HT4" s="4"/>
      <c r="HU4" s="4"/>
      <c r="HV4" s="4"/>
      <c r="HW4" s="4"/>
      <c r="HX4" s="4"/>
      <c r="HY4" s="4"/>
      <c r="HZ4" s="4"/>
    </row>
    <row r="5" spans="2:234" ht="10.5" customHeight="1">
      <c r="BV5" s="2"/>
      <c r="BW5" s="2"/>
      <c r="BX5" s="2"/>
      <c r="BY5" s="2"/>
      <c r="BZ5" s="2"/>
      <c r="CA5" s="2"/>
      <c r="CB5" s="2"/>
      <c r="CC5" s="2"/>
      <c r="CD5" s="2"/>
      <c r="CE5" s="2"/>
      <c r="CF5" s="2"/>
      <c r="CG5" s="2"/>
      <c r="CH5" s="2"/>
      <c r="CI5" s="371"/>
      <c r="CJ5" s="371"/>
      <c r="CK5" s="371"/>
      <c r="CL5" s="371"/>
      <c r="CM5" s="371"/>
      <c r="CN5" s="371"/>
      <c r="CO5" s="371"/>
      <c r="CP5" s="371"/>
      <c r="CQ5" s="371"/>
      <c r="CR5" s="371"/>
      <c r="CS5" s="371"/>
      <c r="CT5" s="371"/>
      <c r="CU5" s="371"/>
      <c r="CV5" s="371"/>
      <c r="CW5" s="371"/>
      <c r="CX5" s="371"/>
      <c r="CY5" s="371"/>
      <c r="CZ5" s="371"/>
      <c r="DA5" s="371"/>
      <c r="DB5" s="371"/>
      <c r="DC5" s="371"/>
      <c r="DD5" s="371"/>
      <c r="DE5" s="371"/>
      <c r="DF5" s="371"/>
      <c r="DG5" s="371"/>
      <c r="DH5" s="371"/>
      <c r="DI5" s="371"/>
      <c r="DJ5" s="371"/>
      <c r="DK5" s="371"/>
      <c r="DL5" s="371"/>
      <c r="DM5" s="371"/>
      <c r="DN5" s="371"/>
      <c r="DO5" s="371"/>
      <c r="DP5" s="371"/>
      <c r="DQ5" s="371"/>
      <c r="DR5" s="371"/>
      <c r="DS5" s="371"/>
      <c r="DT5" s="371"/>
      <c r="DU5" s="371"/>
      <c r="DV5" s="371"/>
      <c r="DW5" s="371"/>
      <c r="DX5" s="371"/>
      <c r="DY5" s="371"/>
      <c r="DZ5" s="371"/>
      <c r="EA5" s="371"/>
      <c r="EB5" s="371"/>
      <c r="EC5" s="371"/>
      <c r="ED5" s="371"/>
      <c r="EE5" s="371"/>
      <c r="EF5" s="371"/>
      <c r="EG5" s="371"/>
      <c r="EH5" s="371"/>
      <c r="EI5" s="371"/>
      <c r="EJ5" s="371"/>
      <c r="EK5" s="3"/>
      <c r="EL5" s="3"/>
      <c r="EM5" s="3"/>
      <c r="EN5" s="372" t="s">
        <v>70</v>
      </c>
      <c r="EO5" s="373"/>
      <c r="EP5" s="373"/>
      <c r="EQ5" s="373"/>
      <c r="ER5" s="373"/>
      <c r="ES5" s="373"/>
      <c r="ET5" s="373"/>
      <c r="EU5" s="373"/>
      <c r="EV5" s="373"/>
      <c r="EW5" s="373"/>
      <c r="EX5" s="373"/>
      <c r="EY5" s="373"/>
      <c r="EZ5" s="373"/>
      <c r="FA5" s="373"/>
      <c r="FB5" s="373"/>
      <c r="FC5" s="374"/>
      <c r="FD5" s="381" t="s">
        <v>68</v>
      </c>
      <c r="FE5" s="381"/>
      <c r="FF5" s="381"/>
      <c r="FG5" s="381"/>
      <c r="FH5" s="381"/>
      <c r="FI5" s="381"/>
      <c r="FJ5" s="381"/>
      <c r="FK5" s="382" t="s">
        <v>82</v>
      </c>
      <c r="FL5" s="383"/>
      <c r="FM5" s="384"/>
      <c r="FN5" s="388" t="s">
        <v>62</v>
      </c>
      <c r="FO5" s="389"/>
      <c r="FP5" s="389"/>
      <c r="FQ5" s="390"/>
      <c r="FR5" s="248"/>
      <c r="FS5" s="249"/>
      <c r="FT5" s="249"/>
      <c r="FU5" s="254"/>
      <c r="FV5" s="248"/>
      <c r="FW5" s="249"/>
      <c r="FX5" s="249"/>
      <c r="FY5" s="254"/>
      <c r="FZ5" s="248"/>
      <c r="GA5" s="249"/>
      <c r="GB5" s="249"/>
      <c r="GC5" s="254"/>
      <c r="GD5" s="248"/>
      <c r="GE5" s="249"/>
      <c r="GF5" s="249"/>
      <c r="GG5" s="254"/>
      <c r="GH5" s="248"/>
      <c r="GI5" s="249"/>
      <c r="GJ5" s="249"/>
      <c r="GK5" s="254"/>
      <c r="GL5" s="248"/>
      <c r="GM5" s="249"/>
      <c r="GN5" s="249"/>
      <c r="GO5" s="254"/>
      <c r="GP5" s="248"/>
      <c r="GQ5" s="249"/>
      <c r="GR5" s="249"/>
      <c r="GS5" s="254"/>
      <c r="GT5" s="248"/>
      <c r="GU5" s="249"/>
      <c r="GV5" s="249"/>
      <c r="GW5" s="254"/>
      <c r="GX5" s="248"/>
      <c r="GY5" s="249"/>
      <c r="GZ5" s="249"/>
      <c r="HA5" s="254"/>
      <c r="HB5" s="248"/>
      <c r="HC5" s="249"/>
      <c r="HD5" s="249"/>
      <c r="HE5" s="254"/>
      <c r="HF5" s="248"/>
      <c r="HG5" s="249"/>
      <c r="HH5" s="249"/>
      <c r="HI5" s="254"/>
      <c r="HJ5" s="248"/>
      <c r="HK5" s="249"/>
      <c r="HL5" s="249"/>
      <c r="HM5" s="254"/>
      <c r="HN5" s="248"/>
      <c r="HO5" s="249"/>
      <c r="HP5" s="249"/>
      <c r="HQ5" s="254"/>
      <c r="HR5" s="4"/>
      <c r="HS5" s="4"/>
      <c r="HT5" s="4"/>
      <c r="HU5" s="4"/>
      <c r="HV5" s="4"/>
      <c r="HW5" s="4"/>
      <c r="HX5" s="4"/>
      <c r="HY5" s="4"/>
      <c r="HZ5" s="4"/>
    </row>
    <row r="6" spans="2:234" ht="10.5" customHeight="1">
      <c r="BV6" s="2"/>
      <c r="BW6" s="2"/>
      <c r="BX6" s="2"/>
      <c r="BY6" s="2"/>
      <c r="BZ6" s="2"/>
      <c r="CA6" s="2"/>
      <c r="CB6" s="2"/>
      <c r="CC6" s="2"/>
      <c r="CD6" s="2"/>
      <c r="CE6" s="2"/>
      <c r="CF6" s="2"/>
      <c r="CG6" s="2"/>
      <c r="CH6" s="2"/>
      <c r="CI6" s="371"/>
      <c r="CJ6" s="371"/>
      <c r="CK6" s="371"/>
      <c r="CL6" s="371"/>
      <c r="CM6" s="371"/>
      <c r="CN6" s="371"/>
      <c r="CO6" s="371"/>
      <c r="CP6" s="371"/>
      <c r="CQ6" s="371"/>
      <c r="CR6" s="371"/>
      <c r="CS6" s="371"/>
      <c r="CT6" s="371"/>
      <c r="CU6" s="371"/>
      <c r="CV6" s="371"/>
      <c r="CW6" s="371"/>
      <c r="CX6" s="371"/>
      <c r="CY6" s="371"/>
      <c r="CZ6" s="371"/>
      <c r="DA6" s="371"/>
      <c r="DB6" s="371"/>
      <c r="DC6" s="371"/>
      <c r="DD6" s="371"/>
      <c r="DE6" s="371"/>
      <c r="DF6" s="371"/>
      <c r="DG6" s="371"/>
      <c r="DH6" s="371"/>
      <c r="DI6" s="371"/>
      <c r="DJ6" s="371"/>
      <c r="DK6" s="371"/>
      <c r="DL6" s="371"/>
      <c r="DM6" s="371"/>
      <c r="DN6" s="371"/>
      <c r="DO6" s="371"/>
      <c r="DP6" s="371"/>
      <c r="DQ6" s="371"/>
      <c r="DR6" s="371"/>
      <c r="DS6" s="371"/>
      <c r="DT6" s="371"/>
      <c r="DU6" s="371"/>
      <c r="DV6" s="371"/>
      <c r="DW6" s="371"/>
      <c r="DX6" s="371"/>
      <c r="DY6" s="371"/>
      <c r="DZ6" s="371"/>
      <c r="EA6" s="371"/>
      <c r="EB6" s="371"/>
      <c r="EC6" s="371"/>
      <c r="ED6" s="371"/>
      <c r="EE6" s="371"/>
      <c r="EF6" s="371"/>
      <c r="EG6" s="371"/>
      <c r="EH6" s="371"/>
      <c r="EI6" s="371"/>
      <c r="EJ6" s="371"/>
      <c r="EK6" s="3"/>
      <c r="EL6" s="3"/>
      <c r="EM6" s="3"/>
      <c r="EN6" s="375"/>
      <c r="EO6" s="376"/>
      <c r="EP6" s="376"/>
      <c r="EQ6" s="376"/>
      <c r="ER6" s="376"/>
      <c r="ES6" s="376"/>
      <c r="ET6" s="376"/>
      <c r="EU6" s="376"/>
      <c r="EV6" s="376"/>
      <c r="EW6" s="376"/>
      <c r="EX6" s="376"/>
      <c r="EY6" s="376"/>
      <c r="EZ6" s="376"/>
      <c r="FA6" s="376"/>
      <c r="FB6" s="376"/>
      <c r="FC6" s="377"/>
      <c r="FD6" s="381"/>
      <c r="FE6" s="381"/>
      <c r="FF6" s="381"/>
      <c r="FG6" s="381"/>
      <c r="FH6" s="381"/>
      <c r="FI6" s="381"/>
      <c r="FJ6" s="381"/>
      <c r="FK6" s="385"/>
      <c r="FL6" s="386"/>
      <c r="FM6" s="387"/>
      <c r="FN6" s="391"/>
      <c r="FO6" s="392"/>
      <c r="FP6" s="392"/>
      <c r="FQ6" s="393"/>
      <c r="FR6" s="250"/>
      <c r="FS6" s="251"/>
      <c r="FT6" s="251"/>
      <c r="FU6" s="255"/>
      <c r="FV6" s="250"/>
      <c r="FW6" s="251"/>
      <c r="FX6" s="251"/>
      <c r="FY6" s="255"/>
      <c r="FZ6" s="250"/>
      <c r="GA6" s="251"/>
      <c r="GB6" s="251"/>
      <c r="GC6" s="255"/>
      <c r="GD6" s="250"/>
      <c r="GE6" s="251"/>
      <c r="GF6" s="251"/>
      <c r="GG6" s="255"/>
      <c r="GH6" s="250"/>
      <c r="GI6" s="251"/>
      <c r="GJ6" s="251"/>
      <c r="GK6" s="255"/>
      <c r="GL6" s="250"/>
      <c r="GM6" s="251"/>
      <c r="GN6" s="251"/>
      <c r="GO6" s="255"/>
      <c r="GP6" s="250"/>
      <c r="GQ6" s="251"/>
      <c r="GR6" s="251"/>
      <c r="GS6" s="255"/>
      <c r="GT6" s="250"/>
      <c r="GU6" s="251"/>
      <c r="GV6" s="251"/>
      <c r="GW6" s="255"/>
      <c r="GX6" s="250"/>
      <c r="GY6" s="251"/>
      <c r="GZ6" s="251"/>
      <c r="HA6" s="255"/>
      <c r="HB6" s="250"/>
      <c r="HC6" s="251"/>
      <c r="HD6" s="251"/>
      <c r="HE6" s="255"/>
      <c r="HF6" s="250"/>
      <c r="HG6" s="251"/>
      <c r="HH6" s="251"/>
      <c r="HI6" s="255"/>
      <c r="HJ6" s="250"/>
      <c r="HK6" s="251"/>
      <c r="HL6" s="251"/>
      <c r="HM6" s="255"/>
      <c r="HN6" s="250"/>
      <c r="HO6" s="251"/>
      <c r="HP6" s="251"/>
      <c r="HQ6" s="255"/>
      <c r="HR6" s="4"/>
      <c r="HS6" s="4"/>
      <c r="HT6" s="4"/>
      <c r="HU6" s="4"/>
      <c r="HV6" s="4"/>
      <c r="HW6" s="4"/>
      <c r="HX6" s="4"/>
      <c r="HY6" s="4"/>
      <c r="HZ6" s="4"/>
    </row>
    <row r="7" spans="2:234" ht="10.5" customHeight="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2"/>
      <c r="AP7" s="2"/>
      <c r="AQ7" s="2"/>
      <c r="AR7" s="2"/>
      <c r="AS7" s="2"/>
      <c r="AT7" s="2"/>
      <c r="AU7" s="2"/>
      <c r="AV7" s="2"/>
      <c r="AW7" s="2"/>
      <c r="AX7" s="2"/>
      <c r="AY7" s="2"/>
      <c r="AZ7" s="2"/>
      <c r="BA7" s="2"/>
      <c r="BB7" s="2"/>
      <c r="CF7" s="2"/>
      <c r="CG7" s="2"/>
      <c r="CH7" s="2"/>
      <c r="CI7" s="371"/>
      <c r="CJ7" s="371"/>
      <c r="CK7" s="371"/>
      <c r="CL7" s="371"/>
      <c r="CM7" s="371"/>
      <c r="CN7" s="371"/>
      <c r="CO7" s="371"/>
      <c r="CP7" s="371"/>
      <c r="CQ7" s="371"/>
      <c r="CR7" s="371"/>
      <c r="CS7" s="371"/>
      <c r="CT7" s="371"/>
      <c r="CU7" s="371"/>
      <c r="CV7" s="371"/>
      <c r="CW7" s="371"/>
      <c r="CX7" s="371"/>
      <c r="CY7" s="371"/>
      <c r="CZ7" s="371"/>
      <c r="DA7" s="371"/>
      <c r="DB7" s="371"/>
      <c r="DC7" s="371"/>
      <c r="DD7" s="371"/>
      <c r="DE7" s="371"/>
      <c r="DF7" s="371"/>
      <c r="DG7" s="371"/>
      <c r="DH7" s="371"/>
      <c r="DI7" s="371"/>
      <c r="DJ7" s="371"/>
      <c r="DK7" s="371"/>
      <c r="DL7" s="371"/>
      <c r="DM7" s="371"/>
      <c r="DN7" s="371"/>
      <c r="DO7" s="371"/>
      <c r="DP7" s="371"/>
      <c r="DQ7" s="371"/>
      <c r="DR7" s="371"/>
      <c r="DS7" s="371"/>
      <c r="DT7" s="371"/>
      <c r="DU7" s="371"/>
      <c r="DV7" s="371"/>
      <c r="DW7" s="371"/>
      <c r="DX7" s="371"/>
      <c r="DY7" s="371"/>
      <c r="DZ7" s="371"/>
      <c r="EA7" s="371"/>
      <c r="EB7" s="371"/>
      <c r="EC7" s="371"/>
      <c r="ED7" s="371"/>
      <c r="EE7" s="371"/>
      <c r="EF7" s="371"/>
      <c r="EG7" s="371"/>
      <c r="EH7" s="371"/>
      <c r="EI7" s="371"/>
      <c r="EJ7" s="371"/>
      <c r="EK7" s="3"/>
      <c r="EL7" s="3"/>
      <c r="EM7" s="3"/>
      <c r="EN7" s="375"/>
      <c r="EO7" s="376"/>
      <c r="EP7" s="376"/>
      <c r="EQ7" s="376"/>
      <c r="ER7" s="376"/>
      <c r="ES7" s="376"/>
      <c r="ET7" s="376"/>
      <c r="EU7" s="376"/>
      <c r="EV7" s="376"/>
      <c r="EW7" s="376"/>
      <c r="EX7" s="376"/>
      <c r="EY7" s="376"/>
      <c r="EZ7" s="376"/>
      <c r="FA7" s="376"/>
      <c r="FB7" s="376"/>
      <c r="FC7" s="377"/>
      <c r="FD7" s="381" t="s">
        <v>69</v>
      </c>
      <c r="FE7" s="381"/>
      <c r="FF7" s="381"/>
      <c r="FG7" s="381"/>
      <c r="FH7" s="381"/>
      <c r="FI7" s="381"/>
      <c r="FJ7" s="381"/>
      <c r="FK7" s="382" t="s">
        <v>82</v>
      </c>
      <c r="FL7" s="383"/>
      <c r="FM7" s="384"/>
      <c r="FN7" s="391"/>
      <c r="FO7" s="392"/>
      <c r="FP7" s="392"/>
      <c r="FQ7" s="393"/>
      <c r="FR7" s="250"/>
      <c r="FS7" s="251"/>
      <c r="FT7" s="251"/>
      <c r="FU7" s="255"/>
      <c r="FV7" s="250"/>
      <c r="FW7" s="251"/>
      <c r="FX7" s="251"/>
      <c r="FY7" s="255"/>
      <c r="FZ7" s="250"/>
      <c r="GA7" s="251"/>
      <c r="GB7" s="251"/>
      <c r="GC7" s="255"/>
      <c r="GD7" s="250"/>
      <c r="GE7" s="251"/>
      <c r="GF7" s="251"/>
      <c r="GG7" s="255"/>
      <c r="GH7" s="250"/>
      <c r="GI7" s="251"/>
      <c r="GJ7" s="251"/>
      <c r="GK7" s="255"/>
      <c r="GL7" s="250"/>
      <c r="GM7" s="251"/>
      <c r="GN7" s="251"/>
      <c r="GO7" s="255"/>
      <c r="GP7" s="250"/>
      <c r="GQ7" s="251"/>
      <c r="GR7" s="251"/>
      <c r="GS7" s="255"/>
      <c r="GT7" s="250"/>
      <c r="GU7" s="251"/>
      <c r="GV7" s="251"/>
      <c r="GW7" s="255"/>
      <c r="GX7" s="250"/>
      <c r="GY7" s="251"/>
      <c r="GZ7" s="251"/>
      <c r="HA7" s="255"/>
      <c r="HB7" s="250"/>
      <c r="HC7" s="251"/>
      <c r="HD7" s="251"/>
      <c r="HE7" s="255"/>
      <c r="HF7" s="250"/>
      <c r="HG7" s="251"/>
      <c r="HH7" s="251"/>
      <c r="HI7" s="255"/>
      <c r="HJ7" s="250"/>
      <c r="HK7" s="251"/>
      <c r="HL7" s="251"/>
      <c r="HM7" s="255"/>
      <c r="HN7" s="250"/>
      <c r="HO7" s="251"/>
      <c r="HP7" s="251"/>
      <c r="HQ7" s="255"/>
      <c r="HR7" s="4"/>
      <c r="HS7" s="4"/>
      <c r="HT7" s="4"/>
      <c r="HU7" s="4"/>
      <c r="HV7" s="4"/>
      <c r="HW7" s="4"/>
      <c r="HX7" s="4"/>
      <c r="HY7" s="4"/>
      <c r="HZ7" s="4"/>
    </row>
    <row r="8" spans="2:234" ht="10.5" customHeight="1">
      <c r="B8" s="2"/>
      <c r="C8" s="367" t="s">
        <v>61</v>
      </c>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2"/>
      <c r="BE8" s="2"/>
      <c r="BF8" s="2"/>
      <c r="BG8" s="2"/>
      <c r="CI8" s="371"/>
      <c r="CJ8" s="371"/>
      <c r="CK8" s="371"/>
      <c r="CL8" s="371"/>
      <c r="CM8" s="371"/>
      <c r="CN8" s="371"/>
      <c r="CO8" s="371"/>
      <c r="CP8" s="371"/>
      <c r="CQ8" s="371"/>
      <c r="CR8" s="371"/>
      <c r="CS8" s="371"/>
      <c r="CT8" s="371"/>
      <c r="CU8" s="371"/>
      <c r="CV8" s="371"/>
      <c r="CW8" s="371"/>
      <c r="CX8" s="371"/>
      <c r="CY8" s="371"/>
      <c r="CZ8" s="371"/>
      <c r="DA8" s="371"/>
      <c r="DB8" s="371"/>
      <c r="DC8" s="371"/>
      <c r="DD8" s="371"/>
      <c r="DE8" s="371"/>
      <c r="DF8" s="371"/>
      <c r="DG8" s="371"/>
      <c r="DH8" s="371"/>
      <c r="DI8" s="371"/>
      <c r="DJ8" s="371"/>
      <c r="DK8" s="371"/>
      <c r="DL8" s="371"/>
      <c r="DM8" s="371"/>
      <c r="DN8" s="371"/>
      <c r="DO8" s="371"/>
      <c r="DP8" s="371"/>
      <c r="DQ8" s="371"/>
      <c r="DR8" s="371"/>
      <c r="DS8" s="371"/>
      <c r="DT8" s="371"/>
      <c r="DU8" s="371"/>
      <c r="DV8" s="371"/>
      <c r="DW8" s="371"/>
      <c r="DX8" s="371"/>
      <c r="DY8" s="371"/>
      <c r="DZ8" s="371"/>
      <c r="EA8" s="371"/>
      <c r="EB8" s="371"/>
      <c r="EC8" s="371"/>
      <c r="ED8" s="371"/>
      <c r="EE8" s="371"/>
      <c r="EF8" s="371"/>
      <c r="EG8" s="371"/>
      <c r="EH8" s="371"/>
      <c r="EI8" s="371"/>
      <c r="EJ8" s="371"/>
      <c r="EK8" s="3"/>
      <c r="EL8" s="3"/>
      <c r="EM8" s="3"/>
      <c r="EN8" s="378"/>
      <c r="EO8" s="379"/>
      <c r="EP8" s="379"/>
      <c r="EQ8" s="379"/>
      <c r="ER8" s="379"/>
      <c r="ES8" s="379"/>
      <c r="ET8" s="379"/>
      <c r="EU8" s="379"/>
      <c r="EV8" s="379"/>
      <c r="EW8" s="379"/>
      <c r="EX8" s="379"/>
      <c r="EY8" s="379"/>
      <c r="EZ8" s="379"/>
      <c r="FA8" s="379"/>
      <c r="FB8" s="379"/>
      <c r="FC8" s="380"/>
      <c r="FD8" s="381"/>
      <c r="FE8" s="381"/>
      <c r="FF8" s="381"/>
      <c r="FG8" s="381"/>
      <c r="FH8" s="381"/>
      <c r="FI8" s="381"/>
      <c r="FJ8" s="381"/>
      <c r="FK8" s="385"/>
      <c r="FL8" s="386"/>
      <c r="FM8" s="387"/>
      <c r="FN8" s="394"/>
      <c r="FO8" s="395"/>
      <c r="FP8" s="395"/>
      <c r="FQ8" s="396"/>
      <c r="FR8" s="252"/>
      <c r="FS8" s="253"/>
      <c r="FT8" s="253"/>
      <c r="FU8" s="256"/>
      <c r="FV8" s="252"/>
      <c r="FW8" s="253"/>
      <c r="FX8" s="253"/>
      <c r="FY8" s="256"/>
      <c r="FZ8" s="252"/>
      <c r="GA8" s="253"/>
      <c r="GB8" s="253"/>
      <c r="GC8" s="256"/>
      <c r="GD8" s="252"/>
      <c r="GE8" s="253"/>
      <c r="GF8" s="253"/>
      <c r="GG8" s="256"/>
      <c r="GH8" s="252"/>
      <c r="GI8" s="253"/>
      <c r="GJ8" s="253"/>
      <c r="GK8" s="256"/>
      <c r="GL8" s="252"/>
      <c r="GM8" s="253"/>
      <c r="GN8" s="253"/>
      <c r="GO8" s="256"/>
      <c r="GP8" s="252"/>
      <c r="GQ8" s="253"/>
      <c r="GR8" s="253"/>
      <c r="GS8" s="256"/>
      <c r="GT8" s="252"/>
      <c r="GU8" s="253"/>
      <c r="GV8" s="253"/>
      <c r="GW8" s="256"/>
      <c r="GX8" s="252"/>
      <c r="GY8" s="253"/>
      <c r="GZ8" s="253"/>
      <c r="HA8" s="256"/>
      <c r="HB8" s="252"/>
      <c r="HC8" s="253"/>
      <c r="HD8" s="253"/>
      <c r="HE8" s="256"/>
      <c r="HF8" s="252"/>
      <c r="HG8" s="253"/>
      <c r="HH8" s="253"/>
      <c r="HI8" s="256"/>
      <c r="HJ8" s="252"/>
      <c r="HK8" s="253"/>
      <c r="HL8" s="253"/>
      <c r="HM8" s="256"/>
      <c r="HN8" s="252"/>
      <c r="HO8" s="253"/>
      <c r="HP8" s="253"/>
      <c r="HQ8" s="256"/>
      <c r="HR8" s="4"/>
      <c r="HS8" s="4"/>
      <c r="HT8" s="4"/>
      <c r="HU8" s="4"/>
      <c r="HV8" s="4"/>
      <c r="HW8" s="4"/>
      <c r="HX8" s="4"/>
      <c r="HY8" s="4"/>
      <c r="HZ8" s="4"/>
    </row>
    <row r="9" spans="2:234" ht="6" customHeight="1">
      <c r="B9" s="2"/>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2"/>
      <c r="BE9" s="2"/>
      <c r="BF9" s="2"/>
      <c r="BG9" s="2"/>
      <c r="BH9" s="2"/>
      <c r="BI9" s="2"/>
      <c r="BJ9" s="2"/>
      <c r="BK9" s="2"/>
      <c r="BL9" s="2"/>
      <c r="CK9" s="2"/>
      <c r="CL9" s="2"/>
      <c r="CM9" s="60"/>
      <c r="CN9" s="60"/>
      <c r="CO9" s="60"/>
      <c r="CP9" s="60"/>
      <c r="CQ9" s="60"/>
      <c r="CR9" s="60"/>
      <c r="CS9" s="60"/>
      <c r="CT9" s="60"/>
      <c r="CU9" s="60"/>
      <c r="CV9" s="60"/>
      <c r="CW9" s="60"/>
      <c r="CX9" s="60"/>
      <c r="CY9" s="60"/>
      <c r="CZ9" s="2"/>
      <c r="DA9" s="2"/>
      <c r="DB9" s="61"/>
      <c r="DC9" s="61"/>
      <c r="DD9" s="61"/>
      <c r="DE9" s="61"/>
      <c r="DF9" s="61"/>
      <c r="DG9" s="61"/>
      <c r="DH9" s="61"/>
      <c r="DI9" s="61"/>
      <c r="DJ9" s="61"/>
      <c r="DK9" s="61"/>
      <c r="DL9" s="61"/>
      <c r="DM9" s="61"/>
      <c r="DN9" s="61"/>
      <c r="DO9" s="61"/>
      <c r="DP9" s="61"/>
      <c r="DQ9" s="61"/>
      <c r="DR9" s="61"/>
      <c r="DS9" s="61"/>
      <c r="DT9" s="61"/>
      <c r="DU9" s="61"/>
      <c r="DV9" s="61"/>
      <c r="DW9" s="61"/>
      <c r="DX9" s="61"/>
      <c r="DY9" s="61"/>
      <c r="DZ9" s="61"/>
      <c r="EA9" s="61"/>
      <c r="EB9" s="61"/>
      <c r="EC9" s="61"/>
      <c r="ED9" s="61"/>
      <c r="EE9" s="61"/>
      <c r="EF9" s="61"/>
      <c r="EG9" s="61"/>
      <c r="EH9" s="61"/>
      <c r="EI9" s="61"/>
      <c r="EJ9" s="61"/>
      <c r="EK9" s="3"/>
      <c r="EL9" s="3"/>
      <c r="EM9" s="3"/>
      <c r="EN9" s="12"/>
      <c r="EO9" s="3"/>
      <c r="EP9" s="333" t="s">
        <v>0</v>
      </c>
      <c r="EQ9" s="333"/>
      <c r="ER9" s="333"/>
      <c r="ES9" s="333"/>
      <c r="ET9" s="333"/>
      <c r="EU9" s="333"/>
      <c r="EV9" s="333"/>
      <c r="EW9" s="333"/>
      <c r="EX9" s="333"/>
      <c r="EY9" s="333"/>
      <c r="EZ9" s="333"/>
      <c r="FA9" s="333"/>
      <c r="FB9" s="333"/>
      <c r="FC9" s="13"/>
      <c r="FD9" s="13"/>
      <c r="FE9" s="13"/>
      <c r="FF9" s="368"/>
      <c r="FG9" s="368"/>
      <c r="FH9" s="368"/>
      <c r="FI9" s="368"/>
      <c r="FJ9" s="368"/>
      <c r="FK9" s="368"/>
      <c r="FL9" s="368"/>
      <c r="FM9" s="368"/>
      <c r="FN9" s="368"/>
      <c r="FO9" s="368"/>
      <c r="FP9" s="368"/>
      <c r="FQ9" s="368"/>
      <c r="FR9" s="368"/>
      <c r="FS9" s="368"/>
      <c r="FT9" s="368"/>
      <c r="FU9" s="368"/>
      <c r="FV9" s="368"/>
      <c r="FW9" s="368"/>
      <c r="FX9" s="368"/>
      <c r="FY9" s="368"/>
      <c r="FZ9" s="368"/>
      <c r="GA9" s="368"/>
      <c r="GB9" s="368"/>
      <c r="GC9" s="368"/>
      <c r="GD9" s="368"/>
      <c r="GE9" s="368"/>
      <c r="GF9" s="368"/>
      <c r="GG9" s="368"/>
      <c r="GH9" s="368"/>
      <c r="GI9" s="368"/>
      <c r="GJ9" s="368"/>
      <c r="GK9" s="368"/>
      <c r="GL9" s="368"/>
      <c r="GM9" s="368"/>
      <c r="GN9" s="368"/>
      <c r="GO9" s="369"/>
      <c r="GP9" s="369"/>
      <c r="GQ9" s="369"/>
      <c r="GR9" s="369"/>
      <c r="GS9" s="369"/>
      <c r="GT9" s="369"/>
      <c r="GU9" s="369"/>
      <c r="GV9" s="369"/>
      <c r="GW9" s="369"/>
      <c r="GX9" s="369"/>
      <c r="GY9" s="369"/>
      <c r="GZ9" s="369"/>
      <c r="HA9" s="369"/>
      <c r="HB9" s="369"/>
      <c r="HC9" s="369"/>
      <c r="HD9" s="369"/>
      <c r="HE9" s="369"/>
      <c r="HF9" s="7"/>
      <c r="HG9" s="7"/>
      <c r="HH9" s="8"/>
      <c r="HI9" s="8"/>
      <c r="HJ9" s="8"/>
      <c r="HK9" s="8"/>
      <c r="HL9" s="6"/>
      <c r="HM9" s="6"/>
      <c r="HN9" s="9"/>
      <c r="HO9" s="9"/>
      <c r="HP9" s="9"/>
      <c r="HQ9" s="10"/>
    </row>
    <row r="10" spans="2:234" ht="6" customHeight="1">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11"/>
      <c r="BE10" s="11"/>
      <c r="BF10" s="370" t="s">
        <v>1</v>
      </c>
      <c r="BG10" s="370"/>
      <c r="BH10" s="370"/>
      <c r="BI10" s="370"/>
      <c r="BJ10" s="370"/>
      <c r="BK10" s="370"/>
      <c r="BL10" s="370"/>
      <c r="BM10" s="370"/>
      <c r="BN10" s="11"/>
      <c r="BO10" s="2"/>
      <c r="BP10" s="2"/>
      <c r="CK10" s="2"/>
      <c r="CL10" s="2"/>
      <c r="CM10" s="60"/>
      <c r="CN10" s="60"/>
      <c r="CO10" s="60"/>
      <c r="CP10" s="60"/>
      <c r="CQ10" s="60"/>
      <c r="CR10" s="60"/>
      <c r="CS10" s="60"/>
      <c r="CT10" s="60"/>
      <c r="CU10" s="60"/>
      <c r="CV10" s="60"/>
      <c r="CW10" s="60"/>
      <c r="CX10" s="60"/>
      <c r="CY10" s="60"/>
      <c r="CZ10" s="2"/>
      <c r="DA10" s="2"/>
      <c r="DB10" s="61"/>
      <c r="DC10" s="61"/>
      <c r="DD10" s="61"/>
      <c r="DE10" s="61"/>
      <c r="DF10" s="61"/>
      <c r="DG10" s="61"/>
      <c r="DH10" s="61"/>
      <c r="DI10" s="61"/>
      <c r="DJ10" s="61"/>
      <c r="DK10" s="61"/>
      <c r="DL10" s="61"/>
      <c r="DM10" s="61"/>
      <c r="DN10" s="61"/>
      <c r="DO10" s="61"/>
      <c r="DP10" s="61"/>
      <c r="DQ10" s="61"/>
      <c r="DR10" s="61"/>
      <c r="DS10" s="61"/>
      <c r="DT10" s="61"/>
      <c r="DU10" s="61"/>
      <c r="DV10" s="61"/>
      <c r="DW10" s="61"/>
      <c r="DX10" s="61"/>
      <c r="DY10" s="61"/>
      <c r="DZ10" s="61"/>
      <c r="EA10" s="61"/>
      <c r="EB10" s="61"/>
      <c r="EC10" s="61"/>
      <c r="ED10" s="61"/>
      <c r="EE10" s="61"/>
      <c r="EF10" s="61"/>
      <c r="EG10" s="61"/>
      <c r="EH10" s="61"/>
      <c r="EI10" s="61"/>
      <c r="EJ10" s="61"/>
      <c r="EK10" s="2"/>
      <c r="EL10" s="2"/>
      <c r="EM10" s="2"/>
      <c r="EN10" s="12"/>
      <c r="EO10" s="3"/>
      <c r="EP10" s="333"/>
      <c r="EQ10" s="333"/>
      <c r="ER10" s="333"/>
      <c r="ES10" s="333"/>
      <c r="ET10" s="333"/>
      <c r="EU10" s="333"/>
      <c r="EV10" s="333"/>
      <c r="EW10" s="333"/>
      <c r="EX10" s="333"/>
      <c r="EY10" s="333"/>
      <c r="EZ10" s="333"/>
      <c r="FA10" s="333"/>
      <c r="FB10" s="333"/>
      <c r="FC10" s="13"/>
      <c r="FD10" s="13"/>
      <c r="FE10" s="13"/>
      <c r="FF10" s="368"/>
      <c r="FG10" s="368"/>
      <c r="FH10" s="368"/>
      <c r="FI10" s="368"/>
      <c r="FJ10" s="368"/>
      <c r="FK10" s="368"/>
      <c r="FL10" s="368"/>
      <c r="FM10" s="368"/>
      <c r="FN10" s="368"/>
      <c r="FO10" s="368"/>
      <c r="FP10" s="368"/>
      <c r="FQ10" s="368"/>
      <c r="FR10" s="368"/>
      <c r="FS10" s="368"/>
      <c r="FT10" s="368"/>
      <c r="FU10" s="368"/>
      <c r="FV10" s="368"/>
      <c r="FW10" s="368"/>
      <c r="FX10" s="368"/>
      <c r="FY10" s="368"/>
      <c r="FZ10" s="368"/>
      <c r="GA10" s="368"/>
      <c r="GB10" s="368"/>
      <c r="GC10" s="368"/>
      <c r="GD10" s="368"/>
      <c r="GE10" s="368"/>
      <c r="GF10" s="368"/>
      <c r="GG10" s="368"/>
      <c r="GH10" s="368"/>
      <c r="GI10" s="368"/>
      <c r="GJ10" s="368"/>
      <c r="GK10" s="368"/>
      <c r="GL10" s="368"/>
      <c r="GM10" s="368"/>
      <c r="GN10" s="368"/>
      <c r="GO10" s="368"/>
      <c r="GP10" s="368"/>
      <c r="GQ10" s="368"/>
      <c r="GR10" s="368"/>
      <c r="GS10" s="368"/>
      <c r="GT10" s="368"/>
      <c r="GU10" s="368"/>
      <c r="GV10" s="368"/>
      <c r="GW10" s="368"/>
      <c r="GX10" s="368"/>
      <c r="GY10" s="368"/>
      <c r="GZ10" s="368"/>
      <c r="HA10" s="368"/>
      <c r="HB10" s="368"/>
      <c r="HC10" s="368"/>
      <c r="HD10" s="368"/>
      <c r="HE10" s="368"/>
      <c r="HH10" s="14"/>
      <c r="HI10" s="14"/>
      <c r="HJ10" s="14"/>
      <c r="HK10" s="14"/>
      <c r="HL10" s="3"/>
      <c r="HM10" s="3"/>
      <c r="HN10" s="2"/>
      <c r="HO10" s="2"/>
      <c r="HP10" s="2"/>
      <c r="HQ10" s="15"/>
    </row>
    <row r="11" spans="2:234" ht="6" customHeight="1">
      <c r="B11" s="2"/>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11"/>
      <c r="BE11" s="11"/>
      <c r="BF11" s="370"/>
      <c r="BG11" s="370"/>
      <c r="BH11" s="370"/>
      <c r="BI11" s="370"/>
      <c r="BJ11" s="370"/>
      <c r="BK11" s="370"/>
      <c r="BL11" s="370"/>
      <c r="BM11" s="370"/>
      <c r="BN11" s="11"/>
      <c r="BO11" s="16"/>
      <c r="BP11" s="16"/>
      <c r="CN11" s="16"/>
      <c r="CO11" s="16"/>
      <c r="CP11" s="16"/>
      <c r="CQ11" s="16"/>
      <c r="CR11" s="16"/>
      <c r="CS11" s="16"/>
      <c r="CT11" s="16"/>
      <c r="CU11" s="16"/>
      <c r="CV11" s="16"/>
      <c r="CW11" s="16"/>
      <c r="CX11" s="16"/>
      <c r="CY11" s="16"/>
      <c r="CZ11" s="16"/>
      <c r="DA11" s="16"/>
      <c r="DB11" s="16"/>
      <c r="DC11" s="16"/>
      <c r="DD11" s="16"/>
      <c r="DE11" s="16"/>
      <c r="DF11" s="16"/>
      <c r="DG11" s="16"/>
      <c r="DH11" s="16"/>
      <c r="DI11" s="16"/>
      <c r="DJ11" s="16"/>
      <c r="DK11" s="16"/>
      <c r="DL11" s="16"/>
      <c r="DM11" s="16"/>
      <c r="DN11" s="16"/>
      <c r="DO11" s="16"/>
      <c r="DP11" s="16"/>
      <c r="DQ11" s="16"/>
      <c r="DR11" s="16"/>
      <c r="DS11" s="16"/>
      <c r="DT11" s="16"/>
      <c r="DU11" s="16"/>
      <c r="DV11" s="16"/>
      <c r="DW11" s="16"/>
      <c r="DX11" s="16"/>
      <c r="DY11" s="16"/>
      <c r="DZ11" s="3"/>
      <c r="EA11" s="3"/>
      <c r="EB11" s="3"/>
      <c r="EC11" s="3"/>
      <c r="ED11" s="3"/>
      <c r="EE11" s="3"/>
      <c r="EF11" s="3"/>
      <c r="EG11" s="3"/>
      <c r="EH11" s="3"/>
      <c r="EI11" s="2"/>
      <c r="EJ11" s="2"/>
      <c r="EK11" s="2"/>
      <c r="EL11" s="2"/>
      <c r="EM11" s="2"/>
      <c r="EN11" s="12"/>
      <c r="EO11" s="3"/>
      <c r="EP11" s="333"/>
      <c r="EQ11" s="333"/>
      <c r="ER11" s="333"/>
      <c r="ES11" s="333"/>
      <c r="ET11" s="333"/>
      <c r="EU11" s="333"/>
      <c r="EV11" s="333"/>
      <c r="EW11" s="333"/>
      <c r="EX11" s="333"/>
      <c r="EY11" s="333"/>
      <c r="EZ11" s="333"/>
      <c r="FA11" s="333"/>
      <c r="FB11" s="333"/>
      <c r="FC11" s="13"/>
      <c r="FD11" s="13"/>
      <c r="FE11" s="13"/>
      <c r="FF11" s="368"/>
      <c r="FG11" s="368"/>
      <c r="FH11" s="368"/>
      <c r="FI11" s="368"/>
      <c r="FJ11" s="368"/>
      <c r="FK11" s="368"/>
      <c r="FL11" s="368"/>
      <c r="FM11" s="368"/>
      <c r="FN11" s="368"/>
      <c r="FO11" s="368"/>
      <c r="FP11" s="368"/>
      <c r="FQ11" s="368"/>
      <c r="FR11" s="368"/>
      <c r="FS11" s="368"/>
      <c r="FT11" s="368"/>
      <c r="FU11" s="368"/>
      <c r="FV11" s="368"/>
      <c r="FW11" s="368"/>
      <c r="FX11" s="368"/>
      <c r="FY11" s="368"/>
      <c r="FZ11" s="368"/>
      <c r="GA11" s="368"/>
      <c r="GB11" s="368"/>
      <c r="GC11" s="368"/>
      <c r="GD11" s="368"/>
      <c r="GE11" s="368"/>
      <c r="GF11" s="368"/>
      <c r="GG11" s="368"/>
      <c r="GH11" s="368"/>
      <c r="GI11" s="368"/>
      <c r="GJ11" s="368"/>
      <c r="GK11" s="368"/>
      <c r="GL11" s="368"/>
      <c r="GM11" s="368"/>
      <c r="GN11" s="368"/>
      <c r="GO11" s="368"/>
      <c r="GP11" s="368"/>
      <c r="GQ11" s="368"/>
      <c r="GR11" s="368"/>
      <c r="GS11" s="368"/>
      <c r="GT11" s="368"/>
      <c r="GU11" s="368"/>
      <c r="GV11" s="368"/>
      <c r="GW11" s="368"/>
      <c r="GX11" s="368"/>
      <c r="GY11" s="368"/>
      <c r="GZ11" s="368"/>
      <c r="HA11" s="368"/>
      <c r="HB11" s="368"/>
      <c r="HC11" s="368"/>
      <c r="HD11" s="368"/>
      <c r="HE11" s="368"/>
      <c r="HH11" s="14"/>
      <c r="HI11" s="14"/>
      <c r="HJ11" s="14"/>
      <c r="HK11" s="14"/>
      <c r="HL11" s="3"/>
      <c r="HM11" s="3"/>
      <c r="HN11" s="2"/>
      <c r="HO11" s="2"/>
      <c r="HP11" s="2"/>
      <c r="HQ11" s="15"/>
    </row>
    <row r="12" spans="2:234" ht="6" customHeight="1">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BE12" s="17"/>
      <c r="BF12" s="17"/>
      <c r="BG12" s="17"/>
      <c r="BH12" s="17"/>
      <c r="BI12" s="17"/>
      <c r="BJ12" s="17"/>
      <c r="BK12" s="17"/>
      <c r="BL12" s="17"/>
      <c r="BM12" s="17"/>
      <c r="BN12" s="17"/>
      <c r="BO12" s="16"/>
      <c r="BP12" s="16"/>
      <c r="BQ12" s="16"/>
      <c r="BR12" s="16"/>
      <c r="BS12" s="16"/>
      <c r="BT12" s="16"/>
      <c r="BU12" s="16"/>
      <c r="BV12" s="16"/>
      <c r="BW12" s="16"/>
      <c r="BX12" s="16"/>
      <c r="BY12" s="16"/>
      <c r="BZ12" s="16"/>
      <c r="CN12" s="16"/>
      <c r="CO12" s="16"/>
      <c r="CP12" s="16"/>
      <c r="CQ12" s="16"/>
      <c r="CR12" s="16"/>
      <c r="CS12" s="16"/>
      <c r="CT12" s="16"/>
      <c r="CU12" s="16"/>
      <c r="CV12" s="16"/>
      <c r="CW12" s="16"/>
      <c r="CX12" s="16"/>
      <c r="CY12" s="16"/>
      <c r="CZ12" s="16"/>
      <c r="DA12" s="16"/>
      <c r="DB12" s="16"/>
      <c r="DC12" s="16"/>
      <c r="DD12" s="16"/>
      <c r="DE12" s="16"/>
      <c r="DF12" s="16"/>
      <c r="DG12" s="16"/>
      <c r="DH12" s="16"/>
      <c r="DI12" s="16"/>
      <c r="DJ12" s="16"/>
      <c r="DK12" s="16"/>
      <c r="DL12" s="16"/>
      <c r="DM12" s="16"/>
      <c r="DN12" s="16"/>
      <c r="DO12" s="16"/>
      <c r="DP12" s="16"/>
      <c r="DQ12" s="16"/>
      <c r="DR12" s="16"/>
      <c r="DS12" s="16"/>
      <c r="DT12" s="16"/>
      <c r="DU12" s="16"/>
      <c r="DV12" s="16"/>
      <c r="DW12" s="16"/>
      <c r="DX12" s="16"/>
      <c r="DY12" s="16"/>
      <c r="DZ12" s="3"/>
      <c r="EA12" s="3"/>
      <c r="EB12" s="3"/>
      <c r="EC12" s="3"/>
      <c r="ED12" s="3"/>
      <c r="EE12" s="3"/>
      <c r="EF12" s="3"/>
      <c r="EG12" s="3"/>
      <c r="EH12" s="3"/>
      <c r="EI12" s="2"/>
      <c r="EJ12" s="2"/>
      <c r="EK12" s="2"/>
      <c r="EL12" s="2"/>
      <c r="EM12" s="2"/>
      <c r="EN12" s="12"/>
      <c r="EO12" s="3"/>
      <c r="EP12" s="333" t="s">
        <v>2</v>
      </c>
      <c r="EQ12" s="333"/>
      <c r="ER12" s="333"/>
      <c r="ES12" s="333"/>
      <c r="ET12" s="333"/>
      <c r="EU12" s="333"/>
      <c r="EV12" s="333"/>
      <c r="EW12" s="333"/>
      <c r="EX12" s="333"/>
      <c r="EY12" s="333"/>
      <c r="EZ12" s="333"/>
      <c r="FA12" s="333"/>
      <c r="FB12" s="333"/>
      <c r="FC12" s="13"/>
      <c r="FD12" s="13"/>
      <c r="FE12" s="13"/>
      <c r="FF12" s="360"/>
      <c r="FG12" s="360"/>
      <c r="FH12" s="360"/>
      <c r="FI12" s="360"/>
      <c r="FJ12" s="360"/>
      <c r="FK12" s="360"/>
      <c r="FL12" s="360"/>
      <c r="FM12" s="360"/>
      <c r="FN12" s="360"/>
      <c r="FO12" s="360"/>
      <c r="FP12" s="360"/>
      <c r="FQ12" s="360"/>
      <c r="FR12" s="360"/>
      <c r="FS12" s="360"/>
      <c r="FT12" s="360"/>
      <c r="FU12" s="360"/>
      <c r="FV12" s="360"/>
      <c r="FW12" s="360"/>
      <c r="FX12" s="360"/>
      <c r="FY12" s="360"/>
      <c r="FZ12" s="360"/>
      <c r="GA12" s="360"/>
      <c r="GB12" s="360"/>
      <c r="GC12" s="360"/>
      <c r="GD12" s="360"/>
      <c r="GE12" s="360"/>
      <c r="GF12" s="360"/>
      <c r="GG12" s="360"/>
      <c r="GH12" s="360"/>
      <c r="GI12" s="360"/>
      <c r="GJ12" s="360"/>
      <c r="GK12" s="360"/>
      <c r="GL12" s="360"/>
      <c r="GM12" s="360"/>
      <c r="GN12" s="360"/>
      <c r="GO12" s="360"/>
      <c r="GP12" s="360"/>
      <c r="GQ12" s="360"/>
      <c r="GR12" s="360"/>
      <c r="GS12" s="360"/>
      <c r="GT12" s="360"/>
      <c r="GU12" s="360"/>
      <c r="GV12" s="360"/>
      <c r="GW12" s="360"/>
      <c r="GX12" s="360"/>
      <c r="GY12" s="360"/>
      <c r="GZ12" s="360"/>
      <c r="HA12" s="360"/>
      <c r="HB12" s="360"/>
      <c r="HC12" s="360"/>
      <c r="HD12" s="360"/>
      <c r="HE12" s="360"/>
      <c r="HH12" s="18"/>
      <c r="HO12" s="2"/>
      <c r="HP12" s="2"/>
      <c r="HQ12" s="15"/>
    </row>
    <row r="13" spans="2:234" ht="6" customHeight="1">
      <c r="B13" s="16"/>
      <c r="C13" s="16"/>
      <c r="D13" s="16"/>
      <c r="E13" s="16"/>
      <c r="F13" s="16"/>
      <c r="G13" s="16"/>
      <c r="H13" s="16"/>
      <c r="I13" s="16"/>
      <c r="J13" s="16"/>
      <c r="K13" s="16"/>
      <c r="L13" s="16"/>
      <c r="M13" s="16"/>
      <c r="N13" s="16"/>
      <c r="O13" s="16"/>
      <c r="P13" s="16"/>
      <c r="Q13" s="16"/>
      <c r="R13" s="16"/>
      <c r="S13" s="16"/>
      <c r="T13" s="16"/>
      <c r="U13" s="16"/>
      <c r="V13" s="16"/>
      <c r="W13" s="16"/>
      <c r="X13" s="16"/>
      <c r="Y13" s="16"/>
      <c r="Z13" s="16"/>
      <c r="AA13" s="16"/>
      <c r="AB13" s="16"/>
      <c r="AC13" s="16"/>
      <c r="AD13" s="16"/>
      <c r="AE13" s="16"/>
      <c r="AF13" s="16"/>
      <c r="AG13" s="16"/>
      <c r="AH13" s="16"/>
      <c r="AI13" s="16"/>
      <c r="AJ13" s="16"/>
      <c r="AK13" s="16"/>
      <c r="AL13" s="16"/>
      <c r="AM13" s="16"/>
      <c r="AN13" s="16"/>
      <c r="AO13" s="16"/>
      <c r="AP13" s="16"/>
      <c r="AQ13" s="16"/>
      <c r="AR13" s="16"/>
      <c r="AS13" s="16"/>
      <c r="AT13" s="16"/>
      <c r="AU13" s="19"/>
      <c r="AV13" s="19"/>
      <c r="AW13" s="19"/>
      <c r="AX13" s="19"/>
      <c r="AY13" s="19"/>
      <c r="AZ13" s="19"/>
      <c r="BA13" s="19"/>
      <c r="BB13" s="19"/>
      <c r="BC13" s="19"/>
      <c r="BD13" s="19"/>
      <c r="BE13" s="2"/>
      <c r="BF13" s="2"/>
      <c r="BG13" s="2"/>
      <c r="BH13" s="2"/>
      <c r="BI13" s="2"/>
      <c r="BJ13" s="2"/>
      <c r="BK13" s="2"/>
      <c r="BL13" s="2"/>
      <c r="BM13" s="2"/>
      <c r="BN13" s="2"/>
      <c r="BO13" s="2"/>
      <c r="BP13" s="2"/>
      <c r="BQ13" s="2"/>
      <c r="BR13" s="2"/>
      <c r="BS13" s="2"/>
      <c r="BT13" s="2"/>
      <c r="BU13" s="2"/>
      <c r="BV13" s="2"/>
      <c r="EI13" s="2"/>
      <c r="EJ13" s="2"/>
      <c r="EK13" s="2"/>
      <c r="EL13" s="2"/>
      <c r="EM13" s="2"/>
      <c r="EN13" s="12"/>
      <c r="EO13" s="3"/>
      <c r="EP13" s="333"/>
      <c r="EQ13" s="333"/>
      <c r="ER13" s="333"/>
      <c r="ES13" s="333"/>
      <c r="ET13" s="333"/>
      <c r="EU13" s="333"/>
      <c r="EV13" s="333"/>
      <c r="EW13" s="333"/>
      <c r="EX13" s="333"/>
      <c r="EY13" s="333"/>
      <c r="EZ13" s="333"/>
      <c r="FA13" s="333"/>
      <c r="FB13" s="333"/>
      <c r="FC13" s="13"/>
      <c r="FD13" s="13"/>
      <c r="FE13" s="13"/>
      <c r="FF13" s="360"/>
      <c r="FG13" s="360"/>
      <c r="FH13" s="360"/>
      <c r="FI13" s="360"/>
      <c r="FJ13" s="360"/>
      <c r="FK13" s="360"/>
      <c r="FL13" s="360"/>
      <c r="FM13" s="360"/>
      <c r="FN13" s="360"/>
      <c r="FO13" s="360"/>
      <c r="FP13" s="360"/>
      <c r="FQ13" s="360"/>
      <c r="FR13" s="360"/>
      <c r="FS13" s="360"/>
      <c r="FT13" s="360"/>
      <c r="FU13" s="360"/>
      <c r="FV13" s="360"/>
      <c r="FW13" s="360"/>
      <c r="FX13" s="360"/>
      <c r="FY13" s="360"/>
      <c r="FZ13" s="360"/>
      <c r="GA13" s="360"/>
      <c r="GB13" s="360"/>
      <c r="GC13" s="360"/>
      <c r="GD13" s="360"/>
      <c r="GE13" s="360"/>
      <c r="GF13" s="360"/>
      <c r="GG13" s="360"/>
      <c r="GH13" s="360"/>
      <c r="GI13" s="360"/>
      <c r="GJ13" s="360"/>
      <c r="GK13" s="360"/>
      <c r="GL13" s="360"/>
      <c r="GM13" s="360"/>
      <c r="GN13" s="360"/>
      <c r="GO13" s="360"/>
      <c r="GP13" s="360"/>
      <c r="GQ13" s="360"/>
      <c r="GR13" s="360"/>
      <c r="GS13" s="360"/>
      <c r="GT13" s="360"/>
      <c r="GU13" s="360"/>
      <c r="GV13" s="360"/>
      <c r="GW13" s="360"/>
      <c r="GX13" s="360"/>
      <c r="GY13" s="360"/>
      <c r="GZ13" s="360"/>
      <c r="HA13" s="360"/>
      <c r="HB13" s="360"/>
      <c r="HC13" s="360"/>
      <c r="HD13" s="360"/>
      <c r="HE13" s="360"/>
      <c r="HH13" s="18"/>
      <c r="HO13" s="2"/>
      <c r="HP13" s="2"/>
      <c r="HQ13" s="15"/>
    </row>
    <row r="14" spans="2:234" ht="6" customHeight="1">
      <c r="B14" s="293"/>
      <c r="C14" s="337" t="s">
        <v>3</v>
      </c>
      <c r="D14" s="337"/>
      <c r="E14" s="337"/>
      <c r="F14" s="337"/>
      <c r="G14" s="337"/>
      <c r="H14" s="337"/>
      <c r="I14" s="337"/>
      <c r="J14" s="337"/>
      <c r="K14" s="337"/>
      <c r="L14" s="337"/>
      <c r="M14" s="337"/>
      <c r="N14" s="337"/>
      <c r="O14" s="337"/>
      <c r="P14" s="337"/>
      <c r="Q14" s="337"/>
      <c r="R14" s="298"/>
      <c r="S14" s="361" t="s">
        <v>4</v>
      </c>
      <c r="T14" s="362"/>
      <c r="U14" s="362"/>
      <c r="V14" s="362"/>
      <c r="W14" s="362"/>
      <c r="X14" s="362"/>
      <c r="Y14" s="362"/>
      <c r="Z14" s="350"/>
      <c r="AA14" s="350"/>
      <c r="AB14" s="350"/>
      <c r="AC14" s="350"/>
      <c r="AD14" s="350"/>
      <c r="AE14" s="350"/>
      <c r="AF14" s="350"/>
      <c r="AG14" s="350"/>
      <c r="AH14" s="350"/>
      <c r="AI14" s="350"/>
      <c r="AJ14" s="350"/>
      <c r="AK14" s="350"/>
      <c r="AL14" s="353" t="s">
        <v>5</v>
      </c>
      <c r="AM14" s="353"/>
      <c r="AN14" s="353"/>
      <c r="AO14" s="353"/>
      <c r="AP14" s="350"/>
      <c r="AQ14" s="350"/>
      <c r="AR14" s="350"/>
      <c r="AS14" s="350"/>
      <c r="AT14" s="350"/>
      <c r="AU14" s="350"/>
      <c r="AV14" s="350"/>
      <c r="AW14" s="350"/>
      <c r="AX14" s="353" t="s">
        <v>6</v>
      </c>
      <c r="AY14" s="353"/>
      <c r="AZ14" s="353"/>
      <c r="BA14" s="353"/>
      <c r="BB14" s="350"/>
      <c r="BC14" s="350"/>
      <c r="BD14" s="350"/>
      <c r="BE14" s="350"/>
      <c r="BF14" s="350"/>
      <c r="BG14" s="350"/>
      <c r="BH14" s="350"/>
      <c r="BI14" s="350"/>
      <c r="BJ14" s="353" t="s">
        <v>7</v>
      </c>
      <c r="BK14" s="353"/>
      <c r="BL14" s="353"/>
      <c r="BM14" s="354"/>
      <c r="BO14" s="2"/>
      <c r="BP14" s="2"/>
      <c r="BQ14" s="359" t="s">
        <v>8</v>
      </c>
      <c r="BR14" s="359"/>
      <c r="BS14" s="359"/>
      <c r="BT14" s="359"/>
      <c r="BU14" s="359"/>
      <c r="BV14" s="359"/>
      <c r="BW14" s="359"/>
      <c r="BX14" s="359"/>
      <c r="BY14" s="359"/>
      <c r="BZ14" s="359"/>
      <c r="CA14" s="359"/>
      <c r="CB14" s="359"/>
      <c r="CC14" s="359"/>
      <c r="CD14" s="348"/>
      <c r="CE14" s="348"/>
      <c r="CF14" s="348"/>
      <c r="CG14" s="348"/>
      <c r="CH14" s="348"/>
      <c r="CI14" s="348"/>
      <c r="CJ14" s="348"/>
      <c r="CK14" s="348"/>
      <c r="CL14" s="348"/>
      <c r="CM14" s="348"/>
      <c r="CN14" s="348"/>
      <c r="CO14" s="348"/>
      <c r="CP14" s="348"/>
      <c r="CQ14" s="348"/>
      <c r="CR14" s="348"/>
      <c r="CS14" s="348"/>
      <c r="CT14" s="348"/>
      <c r="CU14" s="348"/>
      <c r="CV14" s="348"/>
      <c r="CW14" s="348"/>
      <c r="CX14" s="348"/>
      <c r="CY14" s="348"/>
      <c r="CZ14" s="348"/>
      <c r="DA14" s="348"/>
      <c r="DB14" s="348"/>
      <c r="DC14" s="348"/>
      <c r="DD14" s="348"/>
      <c r="DE14" s="348"/>
      <c r="DF14" s="349" t="s">
        <v>9</v>
      </c>
      <c r="DG14" s="349"/>
      <c r="DH14" s="349"/>
      <c r="DI14" s="349"/>
      <c r="DJ14" s="349"/>
      <c r="DK14" s="349"/>
      <c r="DL14" s="349"/>
      <c r="DM14" s="349"/>
      <c r="DN14" s="349"/>
      <c r="DO14" s="349"/>
      <c r="DP14" s="349"/>
      <c r="DQ14" s="349"/>
      <c r="DR14" s="349"/>
      <c r="DS14" s="348"/>
      <c r="DT14" s="348"/>
      <c r="DU14" s="348"/>
      <c r="DV14" s="348"/>
      <c r="DW14" s="348"/>
      <c r="DX14" s="348"/>
      <c r="DY14" s="348"/>
      <c r="DZ14" s="348"/>
      <c r="EA14" s="348"/>
      <c r="EB14" s="348"/>
      <c r="EC14" s="348"/>
      <c r="ED14" s="348"/>
      <c r="EE14" s="348"/>
      <c r="EF14" s="348"/>
      <c r="EG14" s="348"/>
      <c r="EH14" s="348"/>
      <c r="EI14" s="348"/>
      <c r="EJ14" s="348"/>
      <c r="EK14" s="2"/>
      <c r="EL14" s="2"/>
      <c r="EM14" s="2"/>
      <c r="EN14" s="12"/>
      <c r="EO14" s="3"/>
      <c r="EP14" s="333"/>
      <c r="EQ14" s="333"/>
      <c r="ER14" s="333"/>
      <c r="ES14" s="333"/>
      <c r="ET14" s="333"/>
      <c r="EU14" s="333"/>
      <c r="EV14" s="333"/>
      <c r="EW14" s="333"/>
      <c r="EX14" s="333"/>
      <c r="EY14" s="333"/>
      <c r="EZ14" s="333"/>
      <c r="FA14" s="333"/>
      <c r="FB14" s="333"/>
      <c r="FC14" s="13"/>
      <c r="FD14" s="13"/>
      <c r="FE14" s="13"/>
      <c r="FF14" s="360"/>
      <c r="FG14" s="360"/>
      <c r="FH14" s="360"/>
      <c r="FI14" s="360"/>
      <c r="FJ14" s="360"/>
      <c r="FK14" s="360"/>
      <c r="FL14" s="360"/>
      <c r="FM14" s="360"/>
      <c r="FN14" s="360"/>
      <c r="FO14" s="360"/>
      <c r="FP14" s="360"/>
      <c r="FQ14" s="360"/>
      <c r="FR14" s="360"/>
      <c r="FS14" s="360"/>
      <c r="FT14" s="360"/>
      <c r="FU14" s="360"/>
      <c r="FV14" s="360"/>
      <c r="FW14" s="360"/>
      <c r="FX14" s="360"/>
      <c r="FY14" s="360"/>
      <c r="FZ14" s="360"/>
      <c r="GA14" s="360"/>
      <c r="GB14" s="360"/>
      <c r="GC14" s="360"/>
      <c r="GD14" s="360"/>
      <c r="GE14" s="360"/>
      <c r="GF14" s="360"/>
      <c r="GG14" s="360"/>
      <c r="GH14" s="360"/>
      <c r="GI14" s="360"/>
      <c r="GJ14" s="360"/>
      <c r="GK14" s="360"/>
      <c r="GL14" s="360"/>
      <c r="GM14" s="360"/>
      <c r="GN14" s="360"/>
      <c r="GO14" s="360"/>
      <c r="GP14" s="360"/>
      <c r="GQ14" s="360"/>
      <c r="GR14" s="360"/>
      <c r="GS14" s="360"/>
      <c r="GT14" s="360"/>
      <c r="GU14" s="360"/>
      <c r="GV14" s="360"/>
      <c r="GW14" s="360"/>
      <c r="GX14" s="360"/>
      <c r="GY14" s="360"/>
      <c r="GZ14" s="360"/>
      <c r="HA14" s="360"/>
      <c r="HB14" s="360"/>
      <c r="HC14" s="360"/>
      <c r="HD14" s="360"/>
      <c r="HE14" s="360"/>
      <c r="HH14" s="18"/>
      <c r="HO14" s="2"/>
      <c r="HP14" s="2"/>
      <c r="HQ14" s="15"/>
    </row>
    <row r="15" spans="2:234" ht="6" customHeight="1">
      <c r="B15" s="294"/>
      <c r="C15" s="339"/>
      <c r="D15" s="339"/>
      <c r="E15" s="339"/>
      <c r="F15" s="339"/>
      <c r="G15" s="339"/>
      <c r="H15" s="339"/>
      <c r="I15" s="339"/>
      <c r="J15" s="339"/>
      <c r="K15" s="339"/>
      <c r="L15" s="339"/>
      <c r="M15" s="339"/>
      <c r="N15" s="339"/>
      <c r="O15" s="339"/>
      <c r="P15" s="339"/>
      <c r="Q15" s="339"/>
      <c r="R15" s="299"/>
      <c r="S15" s="363"/>
      <c r="T15" s="364"/>
      <c r="U15" s="364"/>
      <c r="V15" s="364"/>
      <c r="W15" s="364"/>
      <c r="X15" s="364"/>
      <c r="Y15" s="364"/>
      <c r="Z15" s="351"/>
      <c r="AA15" s="351"/>
      <c r="AB15" s="351"/>
      <c r="AC15" s="351"/>
      <c r="AD15" s="351"/>
      <c r="AE15" s="351"/>
      <c r="AF15" s="351"/>
      <c r="AG15" s="351"/>
      <c r="AH15" s="351"/>
      <c r="AI15" s="351"/>
      <c r="AJ15" s="351"/>
      <c r="AK15" s="351"/>
      <c r="AL15" s="355"/>
      <c r="AM15" s="355"/>
      <c r="AN15" s="355"/>
      <c r="AO15" s="355"/>
      <c r="AP15" s="351"/>
      <c r="AQ15" s="351"/>
      <c r="AR15" s="351"/>
      <c r="AS15" s="351"/>
      <c r="AT15" s="351"/>
      <c r="AU15" s="351"/>
      <c r="AV15" s="351"/>
      <c r="AW15" s="351"/>
      <c r="AX15" s="355"/>
      <c r="AY15" s="355"/>
      <c r="AZ15" s="355"/>
      <c r="BA15" s="355"/>
      <c r="BB15" s="351"/>
      <c r="BC15" s="351"/>
      <c r="BD15" s="351"/>
      <c r="BE15" s="351"/>
      <c r="BF15" s="351"/>
      <c r="BG15" s="351"/>
      <c r="BH15" s="351"/>
      <c r="BI15" s="351"/>
      <c r="BJ15" s="355"/>
      <c r="BK15" s="355"/>
      <c r="BL15" s="355"/>
      <c r="BM15" s="356"/>
      <c r="BO15" s="2"/>
      <c r="BP15" s="2"/>
      <c r="BQ15" s="359"/>
      <c r="BR15" s="359"/>
      <c r="BS15" s="359"/>
      <c r="BT15" s="359"/>
      <c r="BU15" s="359"/>
      <c r="BV15" s="359"/>
      <c r="BW15" s="359"/>
      <c r="BX15" s="359"/>
      <c r="BY15" s="359"/>
      <c r="BZ15" s="359"/>
      <c r="CA15" s="359"/>
      <c r="CB15" s="359"/>
      <c r="CC15" s="359"/>
      <c r="CD15" s="348"/>
      <c r="CE15" s="348"/>
      <c r="CF15" s="348"/>
      <c r="CG15" s="348"/>
      <c r="CH15" s="348"/>
      <c r="CI15" s="348"/>
      <c r="CJ15" s="348"/>
      <c r="CK15" s="348"/>
      <c r="CL15" s="348"/>
      <c r="CM15" s="348"/>
      <c r="CN15" s="348"/>
      <c r="CO15" s="348"/>
      <c r="CP15" s="348"/>
      <c r="CQ15" s="348"/>
      <c r="CR15" s="348"/>
      <c r="CS15" s="348"/>
      <c r="CT15" s="348"/>
      <c r="CU15" s="348"/>
      <c r="CV15" s="348"/>
      <c r="CW15" s="348"/>
      <c r="CX15" s="348"/>
      <c r="CY15" s="348"/>
      <c r="CZ15" s="348"/>
      <c r="DA15" s="348"/>
      <c r="DB15" s="348"/>
      <c r="DC15" s="348"/>
      <c r="DD15" s="348"/>
      <c r="DE15" s="348"/>
      <c r="DF15" s="349"/>
      <c r="DG15" s="349"/>
      <c r="DH15" s="349"/>
      <c r="DI15" s="349"/>
      <c r="DJ15" s="349"/>
      <c r="DK15" s="349"/>
      <c r="DL15" s="349"/>
      <c r="DM15" s="349"/>
      <c r="DN15" s="349"/>
      <c r="DO15" s="349"/>
      <c r="DP15" s="349"/>
      <c r="DQ15" s="349"/>
      <c r="DR15" s="349"/>
      <c r="DS15" s="348"/>
      <c r="DT15" s="348"/>
      <c r="DU15" s="348"/>
      <c r="DV15" s="348"/>
      <c r="DW15" s="348"/>
      <c r="DX15" s="348"/>
      <c r="DY15" s="348"/>
      <c r="DZ15" s="348"/>
      <c r="EA15" s="348"/>
      <c r="EB15" s="348"/>
      <c r="EC15" s="348"/>
      <c r="ED15" s="348"/>
      <c r="EE15" s="348"/>
      <c r="EF15" s="348"/>
      <c r="EG15" s="348"/>
      <c r="EH15" s="348"/>
      <c r="EI15" s="348"/>
      <c r="EJ15" s="348"/>
      <c r="EK15" s="2"/>
      <c r="EL15" s="2"/>
      <c r="EM15" s="2"/>
      <c r="EN15" s="12"/>
      <c r="EO15" s="3"/>
      <c r="EP15" s="333"/>
      <c r="EQ15" s="333"/>
      <c r="ER15" s="333"/>
      <c r="ES15" s="333"/>
      <c r="ET15" s="333"/>
      <c r="EU15" s="333"/>
      <c r="EV15" s="333"/>
      <c r="EW15" s="333"/>
      <c r="EX15" s="333"/>
      <c r="EY15" s="333"/>
      <c r="EZ15" s="333"/>
      <c r="FA15" s="333"/>
      <c r="FB15" s="333"/>
      <c r="FC15" s="13"/>
      <c r="FD15" s="13"/>
      <c r="FE15" s="13"/>
      <c r="FF15" s="360"/>
      <c r="FG15" s="360"/>
      <c r="FH15" s="360"/>
      <c r="FI15" s="360"/>
      <c r="FJ15" s="360"/>
      <c r="FK15" s="360"/>
      <c r="FL15" s="360"/>
      <c r="FM15" s="360"/>
      <c r="FN15" s="360"/>
      <c r="FO15" s="360"/>
      <c r="FP15" s="360"/>
      <c r="FQ15" s="360"/>
      <c r="FR15" s="360"/>
      <c r="FS15" s="360"/>
      <c r="FT15" s="360"/>
      <c r="FU15" s="360"/>
      <c r="FV15" s="360"/>
      <c r="FW15" s="360"/>
      <c r="FX15" s="360"/>
      <c r="FY15" s="360"/>
      <c r="FZ15" s="360"/>
      <c r="GA15" s="360"/>
      <c r="GB15" s="360"/>
      <c r="GC15" s="360"/>
      <c r="GD15" s="360"/>
      <c r="GE15" s="360"/>
      <c r="GF15" s="360"/>
      <c r="GG15" s="360"/>
      <c r="GH15" s="360"/>
      <c r="GI15" s="360"/>
      <c r="GJ15" s="360"/>
      <c r="GK15" s="360"/>
      <c r="GL15" s="360"/>
      <c r="GM15" s="360"/>
      <c r="GN15" s="360"/>
      <c r="GO15" s="360"/>
      <c r="GP15" s="360"/>
      <c r="GQ15" s="360"/>
      <c r="GR15" s="360"/>
      <c r="GS15" s="360"/>
      <c r="GT15" s="360"/>
      <c r="GU15" s="360"/>
      <c r="GV15" s="360"/>
      <c r="GW15" s="360"/>
      <c r="GX15" s="360"/>
      <c r="GY15" s="360"/>
      <c r="GZ15" s="360"/>
      <c r="HA15" s="360"/>
      <c r="HB15" s="360"/>
      <c r="HC15" s="360"/>
      <c r="HD15" s="360"/>
      <c r="HE15" s="360"/>
      <c r="HH15" s="18"/>
      <c r="HO15" s="2"/>
      <c r="HP15" s="2"/>
      <c r="HQ15" s="15"/>
    </row>
    <row r="16" spans="2:234" ht="6" customHeight="1">
      <c r="B16" s="294"/>
      <c r="C16" s="339"/>
      <c r="D16" s="339"/>
      <c r="E16" s="339"/>
      <c r="F16" s="339"/>
      <c r="G16" s="339"/>
      <c r="H16" s="339"/>
      <c r="I16" s="339"/>
      <c r="J16" s="339"/>
      <c r="K16" s="339"/>
      <c r="L16" s="339"/>
      <c r="M16" s="339"/>
      <c r="N16" s="339"/>
      <c r="O16" s="339"/>
      <c r="P16" s="339"/>
      <c r="Q16" s="339"/>
      <c r="R16" s="299"/>
      <c r="S16" s="363"/>
      <c r="T16" s="364"/>
      <c r="U16" s="364"/>
      <c r="V16" s="364"/>
      <c r="W16" s="364"/>
      <c r="X16" s="364"/>
      <c r="Y16" s="364"/>
      <c r="Z16" s="351"/>
      <c r="AA16" s="351"/>
      <c r="AB16" s="351"/>
      <c r="AC16" s="351"/>
      <c r="AD16" s="351"/>
      <c r="AE16" s="351"/>
      <c r="AF16" s="351"/>
      <c r="AG16" s="351"/>
      <c r="AH16" s="351"/>
      <c r="AI16" s="351"/>
      <c r="AJ16" s="351"/>
      <c r="AK16" s="351"/>
      <c r="AL16" s="355"/>
      <c r="AM16" s="355"/>
      <c r="AN16" s="355"/>
      <c r="AO16" s="355"/>
      <c r="AP16" s="351"/>
      <c r="AQ16" s="351"/>
      <c r="AR16" s="351"/>
      <c r="AS16" s="351"/>
      <c r="AT16" s="351"/>
      <c r="AU16" s="351"/>
      <c r="AV16" s="351"/>
      <c r="AW16" s="351"/>
      <c r="AX16" s="355"/>
      <c r="AY16" s="355"/>
      <c r="AZ16" s="355"/>
      <c r="BA16" s="355"/>
      <c r="BB16" s="351"/>
      <c r="BC16" s="351"/>
      <c r="BD16" s="351"/>
      <c r="BE16" s="351"/>
      <c r="BF16" s="351"/>
      <c r="BG16" s="351"/>
      <c r="BH16" s="351"/>
      <c r="BI16" s="351"/>
      <c r="BJ16" s="355"/>
      <c r="BK16" s="355"/>
      <c r="BL16" s="355"/>
      <c r="BM16" s="356"/>
      <c r="BO16" s="2"/>
      <c r="BP16" s="2"/>
      <c r="BQ16" s="359"/>
      <c r="BR16" s="359"/>
      <c r="BS16" s="359"/>
      <c r="BT16" s="359"/>
      <c r="BU16" s="359"/>
      <c r="BV16" s="359"/>
      <c r="BW16" s="359"/>
      <c r="BX16" s="359"/>
      <c r="BY16" s="359"/>
      <c r="BZ16" s="359"/>
      <c r="CA16" s="359"/>
      <c r="CB16" s="359"/>
      <c r="CC16" s="359"/>
      <c r="CD16" s="348"/>
      <c r="CE16" s="348"/>
      <c r="CF16" s="348"/>
      <c r="CG16" s="348"/>
      <c r="CH16" s="348"/>
      <c r="CI16" s="348"/>
      <c r="CJ16" s="348"/>
      <c r="CK16" s="348"/>
      <c r="CL16" s="348"/>
      <c r="CM16" s="348"/>
      <c r="CN16" s="348"/>
      <c r="CO16" s="348"/>
      <c r="CP16" s="348"/>
      <c r="CQ16" s="348"/>
      <c r="CR16" s="348"/>
      <c r="CS16" s="348"/>
      <c r="CT16" s="348"/>
      <c r="CU16" s="348"/>
      <c r="CV16" s="348"/>
      <c r="CW16" s="348"/>
      <c r="CX16" s="348"/>
      <c r="CY16" s="348"/>
      <c r="CZ16" s="348"/>
      <c r="DA16" s="348"/>
      <c r="DB16" s="348"/>
      <c r="DC16" s="348"/>
      <c r="DD16" s="348"/>
      <c r="DE16" s="348"/>
      <c r="DF16" s="349"/>
      <c r="DG16" s="349"/>
      <c r="DH16" s="349"/>
      <c r="DI16" s="349"/>
      <c r="DJ16" s="349"/>
      <c r="DK16" s="349"/>
      <c r="DL16" s="349"/>
      <c r="DM16" s="349"/>
      <c r="DN16" s="349"/>
      <c r="DO16" s="349"/>
      <c r="DP16" s="349"/>
      <c r="DQ16" s="349"/>
      <c r="DR16" s="349"/>
      <c r="DS16" s="348"/>
      <c r="DT16" s="348"/>
      <c r="DU16" s="348"/>
      <c r="DV16" s="348"/>
      <c r="DW16" s="348"/>
      <c r="DX16" s="348"/>
      <c r="DY16" s="348"/>
      <c r="DZ16" s="348"/>
      <c r="EA16" s="348"/>
      <c r="EB16" s="348"/>
      <c r="EC16" s="348"/>
      <c r="ED16" s="348"/>
      <c r="EE16" s="348"/>
      <c r="EF16" s="348"/>
      <c r="EG16" s="348"/>
      <c r="EH16" s="348"/>
      <c r="EI16" s="348"/>
      <c r="EJ16" s="348"/>
      <c r="EK16" s="2"/>
      <c r="EL16" s="2"/>
      <c r="EM16" s="2"/>
      <c r="EN16" s="12"/>
      <c r="EO16" s="3"/>
      <c r="EP16" s="333" t="s">
        <v>10</v>
      </c>
      <c r="EQ16" s="333"/>
      <c r="ER16" s="333"/>
      <c r="ES16" s="333"/>
      <c r="ET16" s="333"/>
      <c r="EU16" s="333"/>
      <c r="EV16" s="333"/>
      <c r="EW16" s="333"/>
      <c r="EX16" s="333"/>
      <c r="EY16" s="333"/>
      <c r="EZ16" s="333"/>
      <c r="FA16" s="333"/>
      <c r="FB16" s="333"/>
      <c r="FC16" s="13"/>
      <c r="FD16" s="13"/>
      <c r="FE16" s="13"/>
      <c r="FF16" s="334"/>
      <c r="FG16" s="334"/>
      <c r="FH16" s="334"/>
      <c r="FI16" s="334"/>
      <c r="FJ16" s="334"/>
      <c r="FK16" s="334"/>
      <c r="FL16" s="334"/>
      <c r="FM16" s="334"/>
      <c r="FN16" s="334"/>
      <c r="FO16" s="334"/>
      <c r="FP16" s="334"/>
      <c r="FQ16" s="334"/>
      <c r="FR16" s="334"/>
      <c r="FS16" s="334"/>
      <c r="FT16" s="334"/>
      <c r="FU16" s="334"/>
      <c r="FV16" s="334"/>
      <c r="FW16" s="334"/>
      <c r="FX16" s="334"/>
      <c r="FY16" s="334"/>
      <c r="FZ16" s="334"/>
      <c r="GA16" s="334"/>
      <c r="GB16" s="334"/>
      <c r="GC16" s="334"/>
      <c r="GD16" s="334"/>
      <c r="GE16" s="334"/>
      <c r="GF16" s="334"/>
      <c r="GG16" s="334"/>
      <c r="GH16" s="334"/>
      <c r="GI16" s="334"/>
      <c r="GJ16" s="334"/>
      <c r="GK16" s="334"/>
      <c r="GL16" s="334"/>
      <c r="GM16" s="334"/>
      <c r="GN16" s="334"/>
      <c r="GO16" s="334"/>
      <c r="GP16" s="334"/>
      <c r="GQ16" s="334"/>
      <c r="GR16" s="334"/>
      <c r="GS16" s="334"/>
      <c r="GT16" s="334"/>
      <c r="GU16" s="334"/>
      <c r="GV16" s="334"/>
      <c r="GW16" s="334"/>
      <c r="GX16" s="334"/>
      <c r="GY16" s="334"/>
      <c r="GZ16" s="334"/>
      <c r="HA16" s="334"/>
      <c r="HB16" s="334"/>
      <c r="HC16" s="334"/>
      <c r="HD16" s="334"/>
      <c r="HE16" s="334"/>
      <c r="HH16" s="20"/>
      <c r="HI16" s="335" t="s">
        <v>11</v>
      </c>
      <c r="HJ16" s="335"/>
      <c r="HK16" s="335"/>
      <c r="HL16" s="335"/>
      <c r="HM16" s="335"/>
      <c r="HN16" s="335"/>
      <c r="HP16" s="21"/>
      <c r="HQ16" s="22"/>
    </row>
    <row r="17" spans="2:225" ht="6" customHeight="1">
      <c r="B17" s="297"/>
      <c r="C17" s="340"/>
      <c r="D17" s="340"/>
      <c r="E17" s="340"/>
      <c r="F17" s="340"/>
      <c r="G17" s="340"/>
      <c r="H17" s="340"/>
      <c r="I17" s="340"/>
      <c r="J17" s="340"/>
      <c r="K17" s="340"/>
      <c r="L17" s="340"/>
      <c r="M17" s="340"/>
      <c r="N17" s="340"/>
      <c r="O17" s="340"/>
      <c r="P17" s="340"/>
      <c r="Q17" s="340"/>
      <c r="R17" s="300"/>
      <c r="S17" s="365"/>
      <c r="T17" s="366"/>
      <c r="U17" s="366"/>
      <c r="V17" s="366"/>
      <c r="W17" s="366"/>
      <c r="X17" s="366"/>
      <c r="Y17" s="366"/>
      <c r="Z17" s="352"/>
      <c r="AA17" s="352"/>
      <c r="AB17" s="352"/>
      <c r="AC17" s="352"/>
      <c r="AD17" s="352"/>
      <c r="AE17" s="352"/>
      <c r="AF17" s="352"/>
      <c r="AG17" s="352"/>
      <c r="AH17" s="352"/>
      <c r="AI17" s="352"/>
      <c r="AJ17" s="352"/>
      <c r="AK17" s="352"/>
      <c r="AL17" s="357"/>
      <c r="AM17" s="357"/>
      <c r="AN17" s="357"/>
      <c r="AO17" s="357"/>
      <c r="AP17" s="352"/>
      <c r="AQ17" s="352"/>
      <c r="AR17" s="352"/>
      <c r="AS17" s="352"/>
      <c r="AT17" s="352"/>
      <c r="AU17" s="352"/>
      <c r="AV17" s="352"/>
      <c r="AW17" s="352"/>
      <c r="AX17" s="357"/>
      <c r="AY17" s="357"/>
      <c r="AZ17" s="357"/>
      <c r="BA17" s="357"/>
      <c r="BB17" s="352"/>
      <c r="BC17" s="352"/>
      <c r="BD17" s="352"/>
      <c r="BE17" s="352"/>
      <c r="BF17" s="352"/>
      <c r="BG17" s="352"/>
      <c r="BH17" s="352"/>
      <c r="BI17" s="352"/>
      <c r="BJ17" s="357"/>
      <c r="BK17" s="357"/>
      <c r="BL17" s="357"/>
      <c r="BM17" s="358"/>
      <c r="BO17" s="2"/>
      <c r="BP17" s="2"/>
      <c r="BQ17" s="359"/>
      <c r="BR17" s="359"/>
      <c r="BS17" s="359"/>
      <c r="BT17" s="359"/>
      <c r="BU17" s="359"/>
      <c r="BV17" s="359"/>
      <c r="BW17" s="359"/>
      <c r="BX17" s="359"/>
      <c r="BY17" s="359"/>
      <c r="BZ17" s="359"/>
      <c r="CA17" s="359"/>
      <c r="CB17" s="359"/>
      <c r="CC17" s="359"/>
      <c r="CD17" s="348"/>
      <c r="CE17" s="348"/>
      <c r="CF17" s="348"/>
      <c r="CG17" s="348"/>
      <c r="CH17" s="348"/>
      <c r="CI17" s="348"/>
      <c r="CJ17" s="348"/>
      <c r="CK17" s="348"/>
      <c r="CL17" s="348"/>
      <c r="CM17" s="348"/>
      <c r="CN17" s="348"/>
      <c r="CO17" s="348"/>
      <c r="CP17" s="348"/>
      <c r="CQ17" s="348"/>
      <c r="CR17" s="348"/>
      <c r="CS17" s="348"/>
      <c r="CT17" s="348"/>
      <c r="CU17" s="348"/>
      <c r="CV17" s="348"/>
      <c r="CW17" s="348"/>
      <c r="CX17" s="348"/>
      <c r="CY17" s="348"/>
      <c r="CZ17" s="348"/>
      <c r="DA17" s="348"/>
      <c r="DB17" s="348"/>
      <c r="DC17" s="348"/>
      <c r="DD17" s="348"/>
      <c r="DE17" s="348"/>
      <c r="DF17" s="349"/>
      <c r="DG17" s="349"/>
      <c r="DH17" s="349"/>
      <c r="DI17" s="349"/>
      <c r="DJ17" s="349"/>
      <c r="DK17" s="349"/>
      <c r="DL17" s="349"/>
      <c r="DM17" s="349"/>
      <c r="DN17" s="349"/>
      <c r="DO17" s="349"/>
      <c r="DP17" s="349"/>
      <c r="DQ17" s="349"/>
      <c r="DR17" s="349"/>
      <c r="DS17" s="348"/>
      <c r="DT17" s="348"/>
      <c r="DU17" s="348"/>
      <c r="DV17" s="348"/>
      <c r="DW17" s="348"/>
      <c r="DX17" s="348"/>
      <c r="DY17" s="348"/>
      <c r="DZ17" s="348"/>
      <c r="EA17" s="348"/>
      <c r="EB17" s="348"/>
      <c r="EC17" s="348"/>
      <c r="ED17" s="348"/>
      <c r="EE17" s="348"/>
      <c r="EF17" s="348"/>
      <c r="EG17" s="348"/>
      <c r="EH17" s="348"/>
      <c r="EI17" s="348"/>
      <c r="EJ17" s="348"/>
      <c r="EK17" s="2"/>
      <c r="EL17" s="2"/>
      <c r="EM17" s="2"/>
      <c r="EN17" s="12"/>
      <c r="EO17" s="3"/>
      <c r="EP17" s="333"/>
      <c r="EQ17" s="333"/>
      <c r="ER17" s="333"/>
      <c r="ES17" s="333"/>
      <c r="ET17" s="333"/>
      <c r="EU17" s="333"/>
      <c r="EV17" s="333"/>
      <c r="EW17" s="333"/>
      <c r="EX17" s="333"/>
      <c r="EY17" s="333"/>
      <c r="EZ17" s="333"/>
      <c r="FA17" s="333"/>
      <c r="FB17" s="333"/>
      <c r="FC17" s="13"/>
      <c r="FD17" s="13"/>
      <c r="FE17" s="13"/>
      <c r="FF17" s="334"/>
      <c r="FG17" s="334"/>
      <c r="FH17" s="334"/>
      <c r="FI17" s="334"/>
      <c r="FJ17" s="334"/>
      <c r="FK17" s="334"/>
      <c r="FL17" s="334"/>
      <c r="FM17" s="334"/>
      <c r="FN17" s="334"/>
      <c r="FO17" s="334"/>
      <c r="FP17" s="334"/>
      <c r="FQ17" s="334"/>
      <c r="FR17" s="334"/>
      <c r="FS17" s="334"/>
      <c r="FT17" s="334"/>
      <c r="FU17" s="334"/>
      <c r="FV17" s="334"/>
      <c r="FW17" s="334"/>
      <c r="FX17" s="334"/>
      <c r="FY17" s="334"/>
      <c r="FZ17" s="334"/>
      <c r="GA17" s="334"/>
      <c r="GB17" s="334"/>
      <c r="GC17" s="334"/>
      <c r="GD17" s="334"/>
      <c r="GE17" s="334"/>
      <c r="GF17" s="334"/>
      <c r="GG17" s="334"/>
      <c r="GH17" s="334"/>
      <c r="GI17" s="334"/>
      <c r="GJ17" s="334"/>
      <c r="GK17" s="334"/>
      <c r="GL17" s="334"/>
      <c r="GM17" s="334"/>
      <c r="GN17" s="334"/>
      <c r="GO17" s="334"/>
      <c r="GP17" s="334"/>
      <c r="GQ17" s="334"/>
      <c r="GR17" s="334"/>
      <c r="GS17" s="334"/>
      <c r="GT17" s="334"/>
      <c r="GU17" s="334"/>
      <c r="GV17" s="334"/>
      <c r="GW17" s="334"/>
      <c r="GX17" s="334"/>
      <c r="GY17" s="334"/>
      <c r="GZ17" s="334"/>
      <c r="HA17" s="334"/>
      <c r="HB17" s="334"/>
      <c r="HC17" s="334"/>
      <c r="HD17" s="334"/>
      <c r="HE17" s="334"/>
      <c r="HH17" s="20"/>
      <c r="HI17" s="335"/>
      <c r="HJ17" s="335"/>
      <c r="HK17" s="335"/>
      <c r="HL17" s="335"/>
      <c r="HM17" s="335"/>
      <c r="HN17" s="335"/>
      <c r="HP17" s="21"/>
      <c r="HQ17" s="22"/>
    </row>
    <row r="18" spans="2:225" ht="6" customHeight="1">
      <c r="B18" s="3"/>
      <c r="C18" s="23"/>
      <c r="D18" s="23"/>
      <c r="E18" s="23"/>
      <c r="F18" s="23"/>
      <c r="G18" s="23"/>
      <c r="H18" s="23"/>
      <c r="I18" s="23"/>
      <c r="J18" s="23"/>
      <c r="K18" s="23"/>
      <c r="L18" s="23"/>
      <c r="M18" s="23"/>
      <c r="N18" s="23"/>
      <c r="O18" s="23"/>
      <c r="P18" s="23"/>
      <c r="Q18" s="23"/>
      <c r="R18" s="3"/>
      <c r="S18" s="24"/>
      <c r="T18" s="24"/>
      <c r="U18" s="24"/>
      <c r="V18" s="24"/>
      <c r="W18" s="24"/>
      <c r="X18" s="24"/>
      <c r="Y18" s="24"/>
      <c r="Z18" s="25"/>
      <c r="AA18" s="25"/>
      <c r="AB18" s="25"/>
      <c r="AC18" s="25"/>
      <c r="AD18" s="25"/>
      <c r="AE18" s="25"/>
      <c r="AF18" s="25"/>
      <c r="AG18" s="25"/>
      <c r="AH18" s="25"/>
      <c r="AI18" s="25"/>
      <c r="AJ18" s="25"/>
      <c r="AK18" s="25"/>
      <c r="AL18" s="26"/>
      <c r="AM18" s="26"/>
      <c r="AN18" s="26"/>
      <c r="AO18" s="26"/>
      <c r="AP18" s="25"/>
      <c r="AQ18" s="25"/>
      <c r="AR18" s="25"/>
      <c r="AS18" s="25"/>
      <c r="AT18" s="25"/>
      <c r="AU18" s="25"/>
      <c r="AV18" s="25"/>
      <c r="AW18" s="25"/>
      <c r="AX18" s="26"/>
      <c r="AY18" s="26"/>
      <c r="AZ18" s="26"/>
      <c r="BA18" s="26"/>
      <c r="BB18" s="25"/>
      <c r="BC18" s="25"/>
      <c r="BD18" s="25"/>
      <c r="BE18" s="25"/>
      <c r="BF18" s="25"/>
      <c r="BG18" s="25"/>
      <c r="BH18" s="25"/>
      <c r="BI18" s="25"/>
      <c r="BJ18" s="26"/>
      <c r="BK18" s="26"/>
      <c r="BL18" s="26"/>
      <c r="BM18" s="26"/>
      <c r="BO18" s="2"/>
      <c r="BP18" s="2"/>
      <c r="BQ18" s="359"/>
      <c r="BR18" s="359"/>
      <c r="BS18" s="359"/>
      <c r="BT18" s="359"/>
      <c r="BU18" s="359"/>
      <c r="BV18" s="359"/>
      <c r="BW18" s="359"/>
      <c r="BX18" s="359"/>
      <c r="BY18" s="359"/>
      <c r="BZ18" s="359"/>
      <c r="CA18" s="359"/>
      <c r="CB18" s="359"/>
      <c r="CC18" s="359"/>
      <c r="CD18" s="348"/>
      <c r="CE18" s="348"/>
      <c r="CF18" s="348"/>
      <c r="CG18" s="348"/>
      <c r="CH18" s="348"/>
      <c r="CI18" s="348"/>
      <c r="CJ18" s="348"/>
      <c r="CK18" s="348"/>
      <c r="CL18" s="348"/>
      <c r="CM18" s="348"/>
      <c r="CN18" s="348"/>
      <c r="CO18" s="348"/>
      <c r="CP18" s="348"/>
      <c r="CQ18" s="348"/>
      <c r="CR18" s="348"/>
      <c r="CS18" s="348"/>
      <c r="CT18" s="348"/>
      <c r="CU18" s="348"/>
      <c r="CV18" s="348"/>
      <c r="CW18" s="348"/>
      <c r="CX18" s="348"/>
      <c r="CY18" s="348"/>
      <c r="CZ18" s="348"/>
      <c r="DA18" s="348"/>
      <c r="DB18" s="348"/>
      <c r="DC18" s="348"/>
      <c r="DD18" s="348"/>
      <c r="DE18" s="348"/>
      <c r="DF18" s="349"/>
      <c r="DG18" s="349"/>
      <c r="DH18" s="349"/>
      <c r="DI18" s="349"/>
      <c r="DJ18" s="349"/>
      <c r="DK18" s="349"/>
      <c r="DL18" s="349"/>
      <c r="DM18" s="349"/>
      <c r="DN18" s="349"/>
      <c r="DO18" s="349"/>
      <c r="DP18" s="349"/>
      <c r="DQ18" s="349"/>
      <c r="DR18" s="349"/>
      <c r="DS18" s="348"/>
      <c r="DT18" s="348"/>
      <c r="DU18" s="348"/>
      <c r="DV18" s="348"/>
      <c r="DW18" s="348"/>
      <c r="DX18" s="348"/>
      <c r="DY18" s="348"/>
      <c r="DZ18" s="348"/>
      <c r="EA18" s="348"/>
      <c r="EB18" s="348"/>
      <c r="EC18" s="348"/>
      <c r="ED18" s="348"/>
      <c r="EE18" s="348"/>
      <c r="EF18" s="348"/>
      <c r="EG18" s="348"/>
      <c r="EH18" s="348"/>
      <c r="EI18" s="348"/>
      <c r="EJ18" s="348"/>
      <c r="EK18" s="2"/>
      <c r="EL18" s="2"/>
      <c r="EM18" s="2"/>
      <c r="EN18" s="12"/>
      <c r="EO18" s="3"/>
      <c r="EP18" s="333"/>
      <c r="EQ18" s="333"/>
      <c r="ER18" s="333"/>
      <c r="ES18" s="333"/>
      <c r="ET18" s="333"/>
      <c r="EU18" s="333"/>
      <c r="EV18" s="333"/>
      <c r="EW18" s="333"/>
      <c r="EX18" s="333"/>
      <c r="EY18" s="333"/>
      <c r="EZ18" s="333"/>
      <c r="FA18" s="333"/>
      <c r="FB18" s="333"/>
      <c r="FC18" s="13"/>
      <c r="FD18" s="13"/>
      <c r="FE18" s="13"/>
      <c r="FF18" s="334"/>
      <c r="FG18" s="334"/>
      <c r="FH18" s="334"/>
      <c r="FI18" s="334"/>
      <c r="FJ18" s="334"/>
      <c r="FK18" s="334"/>
      <c r="FL18" s="334"/>
      <c r="FM18" s="334"/>
      <c r="FN18" s="334"/>
      <c r="FO18" s="334"/>
      <c r="FP18" s="334"/>
      <c r="FQ18" s="334"/>
      <c r="FR18" s="334"/>
      <c r="FS18" s="334"/>
      <c r="FT18" s="334"/>
      <c r="FU18" s="334"/>
      <c r="FV18" s="334"/>
      <c r="FW18" s="334"/>
      <c r="FX18" s="334"/>
      <c r="FY18" s="334"/>
      <c r="FZ18" s="334"/>
      <c r="GA18" s="334"/>
      <c r="GB18" s="334"/>
      <c r="GC18" s="334"/>
      <c r="GD18" s="334"/>
      <c r="GE18" s="334"/>
      <c r="GF18" s="334"/>
      <c r="GG18" s="334"/>
      <c r="GH18" s="334"/>
      <c r="GI18" s="334"/>
      <c r="GJ18" s="334"/>
      <c r="GK18" s="334"/>
      <c r="GL18" s="334"/>
      <c r="GM18" s="334"/>
      <c r="GN18" s="334"/>
      <c r="GO18" s="334"/>
      <c r="GP18" s="334"/>
      <c r="GQ18" s="334"/>
      <c r="GR18" s="334"/>
      <c r="GS18" s="334"/>
      <c r="GT18" s="334"/>
      <c r="GU18" s="334"/>
      <c r="GV18" s="334"/>
      <c r="GW18" s="334"/>
      <c r="GX18" s="334"/>
      <c r="GY18" s="334"/>
      <c r="GZ18" s="334"/>
      <c r="HA18" s="334"/>
      <c r="HB18" s="334"/>
      <c r="HC18" s="334"/>
      <c r="HD18" s="334"/>
      <c r="HE18" s="334"/>
      <c r="HH18" s="20"/>
      <c r="HI18" s="335"/>
      <c r="HJ18" s="335"/>
      <c r="HK18" s="335"/>
      <c r="HL18" s="335"/>
      <c r="HM18" s="335"/>
      <c r="HN18" s="335"/>
      <c r="HP18" s="21"/>
      <c r="HQ18" s="22"/>
    </row>
    <row r="19" spans="2:225" ht="6" customHeight="1">
      <c r="B19" s="293"/>
      <c r="C19" s="336" t="s">
        <v>12</v>
      </c>
      <c r="D19" s="337"/>
      <c r="E19" s="337"/>
      <c r="F19" s="337"/>
      <c r="G19" s="337"/>
      <c r="H19" s="337"/>
      <c r="I19" s="337"/>
      <c r="J19" s="337"/>
      <c r="K19" s="337"/>
      <c r="L19" s="337"/>
      <c r="M19" s="337"/>
      <c r="N19" s="337"/>
      <c r="O19" s="337"/>
      <c r="P19" s="337"/>
      <c r="Q19" s="337"/>
      <c r="R19" s="298"/>
      <c r="S19" s="341" t="s">
        <v>13</v>
      </c>
      <c r="T19" s="342"/>
      <c r="U19" s="342"/>
      <c r="V19" s="342"/>
      <c r="W19" s="342"/>
      <c r="X19" s="342"/>
      <c r="Y19" s="342"/>
      <c r="Z19" s="342"/>
      <c r="AA19" s="342"/>
      <c r="AB19" s="342"/>
      <c r="AC19" s="342"/>
      <c r="AD19" s="342"/>
      <c r="AE19" s="342"/>
      <c r="AF19" s="342"/>
      <c r="AG19" s="342"/>
      <c r="AH19" s="342"/>
      <c r="AI19" s="342"/>
      <c r="AJ19" s="342"/>
      <c r="AK19" s="342"/>
      <c r="AL19" s="342"/>
      <c r="AM19" s="342"/>
      <c r="AN19" s="342"/>
      <c r="AO19" s="342"/>
      <c r="AP19" s="342"/>
      <c r="AQ19" s="342"/>
      <c r="AR19" s="342"/>
      <c r="AS19" s="342"/>
      <c r="AT19" s="342"/>
      <c r="AU19" s="342"/>
      <c r="AV19" s="342"/>
      <c r="AW19" s="342"/>
      <c r="AX19" s="342"/>
      <c r="AY19" s="342"/>
      <c r="AZ19" s="342"/>
      <c r="BA19" s="342"/>
      <c r="BB19" s="342"/>
      <c r="BC19" s="342"/>
      <c r="BD19" s="342"/>
      <c r="BE19" s="342"/>
      <c r="BF19" s="342"/>
      <c r="BG19" s="342"/>
      <c r="BH19" s="342"/>
      <c r="BI19" s="342"/>
      <c r="BJ19" s="342"/>
      <c r="BK19" s="342"/>
      <c r="BL19" s="342"/>
      <c r="BM19" s="343"/>
      <c r="BQ19" s="293"/>
      <c r="BR19" s="336" t="s">
        <v>14</v>
      </c>
      <c r="BS19" s="336"/>
      <c r="BT19" s="336"/>
      <c r="BU19" s="336"/>
      <c r="BV19" s="336"/>
      <c r="BW19" s="336"/>
      <c r="BX19" s="336"/>
      <c r="BY19" s="336"/>
      <c r="BZ19" s="336"/>
      <c r="CA19" s="336"/>
      <c r="CB19" s="336"/>
      <c r="CC19" s="298"/>
      <c r="CD19" s="318"/>
      <c r="CE19" s="319"/>
      <c r="CF19" s="319"/>
      <c r="CG19" s="319"/>
      <c r="CH19" s="319"/>
      <c r="CI19" s="319"/>
      <c r="CJ19" s="319"/>
      <c r="CK19" s="319"/>
      <c r="CL19" s="319"/>
      <c r="CM19" s="319"/>
      <c r="CN19" s="319"/>
      <c r="CO19" s="319"/>
      <c r="CP19" s="319"/>
      <c r="CQ19" s="319"/>
      <c r="CR19" s="319"/>
      <c r="CS19" s="319"/>
      <c r="CT19" s="319"/>
      <c r="CU19" s="319"/>
      <c r="CV19" s="319"/>
      <c r="CW19" s="319"/>
      <c r="CX19" s="319"/>
      <c r="CY19" s="319"/>
      <c r="CZ19" s="319"/>
      <c r="DA19" s="319"/>
      <c r="DB19" s="319"/>
      <c r="DC19" s="319"/>
      <c r="DD19" s="319"/>
      <c r="DE19" s="319"/>
      <c r="DF19" s="319"/>
      <c r="DG19" s="319"/>
      <c r="DH19" s="319"/>
      <c r="DI19" s="319"/>
      <c r="DJ19" s="319"/>
      <c r="DK19" s="319"/>
      <c r="DL19" s="319"/>
      <c r="DM19" s="319"/>
      <c r="DN19" s="319"/>
      <c r="DO19" s="319"/>
      <c r="DP19" s="319"/>
      <c r="DQ19" s="319"/>
      <c r="DR19" s="319"/>
      <c r="DS19" s="319"/>
      <c r="DT19" s="319"/>
      <c r="DU19" s="319"/>
      <c r="DV19" s="319"/>
      <c r="DW19" s="319"/>
      <c r="DX19" s="319"/>
      <c r="DY19" s="319"/>
      <c r="DZ19" s="319"/>
      <c r="EA19" s="319"/>
      <c r="EB19" s="319"/>
      <c r="EC19" s="319"/>
      <c r="ED19" s="319"/>
      <c r="EE19" s="319"/>
      <c r="EF19" s="319"/>
      <c r="EG19" s="319"/>
      <c r="EH19" s="319"/>
      <c r="EI19" s="319"/>
      <c r="EJ19" s="322"/>
      <c r="EK19" s="2"/>
      <c r="EL19" s="2"/>
      <c r="EM19" s="2"/>
      <c r="EN19" s="12"/>
      <c r="EO19" s="3"/>
      <c r="EP19" s="333"/>
      <c r="EQ19" s="333"/>
      <c r="ER19" s="333"/>
      <c r="ES19" s="333"/>
      <c r="ET19" s="333"/>
      <c r="EU19" s="333"/>
      <c r="EV19" s="333"/>
      <c r="EW19" s="333"/>
      <c r="EX19" s="333"/>
      <c r="EY19" s="333"/>
      <c r="EZ19" s="333"/>
      <c r="FA19" s="333"/>
      <c r="FB19" s="333"/>
      <c r="FC19" s="13"/>
      <c r="FD19" s="13"/>
      <c r="FE19" s="13"/>
      <c r="FF19" s="334"/>
      <c r="FG19" s="334"/>
      <c r="FH19" s="334"/>
      <c r="FI19" s="334"/>
      <c r="FJ19" s="334"/>
      <c r="FK19" s="334"/>
      <c r="FL19" s="334"/>
      <c r="FM19" s="334"/>
      <c r="FN19" s="334"/>
      <c r="FO19" s="334"/>
      <c r="FP19" s="334"/>
      <c r="FQ19" s="334"/>
      <c r="FR19" s="334"/>
      <c r="FS19" s="334"/>
      <c r="FT19" s="334"/>
      <c r="FU19" s="334"/>
      <c r="FV19" s="334"/>
      <c r="FW19" s="334"/>
      <c r="FX19" s="334"/>
      <c r="FY19" s="334"/>
      <c r="FZ19" s="334"/>
      <c r="GA19" s="334"/>
      <c r="GB19" s="334"/>
      <c r="GC19" s="334"/>
      <c r="GD19" s="334"/>
      <c r="GE19" s="334"/>
      <c r="GF19" s="334"/>
      <c r="GG19" s="334"/>
      <c r="GH19" s="334"/>
      <c r="GI19" s="334"/>
      <c r="GJ19" s="334"/>
      <c r="GK19" s="334"/>
      <c r="GL19" s="334"/>
      <c r="GM19" s="334"/>
      <c r="GN19" s="334"/>
      <c r="GO19" s="334"/>
      <c r="GP19" s="334"/>
      <c r="GQ19" s="334"/>
      <c r="GR19" s="334"/>
      <c r="GS19" s="334"/>
      <c r="GT19" s="334"/>
      <c r="GU19" s="334"/>
      <c r="GV19" s="334"/>
      <c r="GW19" s="334"/>
      <c r="GX19" s="334"/>
      <c r="GY19" s="334"/>
      <c r="GZ19" s="334"/>
      <c r="HA19" s="334"/>
      <c r="HB19" s="334"/>
      <c r="HC19" s="334"/>
      <c r="HD19" s="334"/>
      <c r="HE19" s="334"/>
      <c r="HH19" s="20"/>
      <c r="HI19" s="335"/>
      <c r="HJ19" s="335"/>
      <c r="HK19" s="335"/>
      <c r="HL19" s="335"/>
      <c r="HM19" s="335"/>
      <c r="HN19" s="335"/>
      <c r="HP19" s="21"/>
      <c r="HQ19" s="22"/>
    </row>
    <row r="20" spans="2:225" ht="6" customHeight="1">
      <c r="B20" s="294"/>
      <c r="C20" s="338"/>
      <c r="D20" s="339"/>
      <c r="E20" s="339"/>
      <c r="F20" s="339"/>
      <c r="G20" s="339"/>
      <c r="H20" s="339"/>
      <c r="I20" s="339"/>
      <c r="J20" s="339"/>
      <c r="K20" s="339"/>
      <c r="L20" s="339"/>
      <c r="M20" s="339"/>
      <c r="N20" s="339"/>
      <c r="O20" s="339"/>
      <c r="P20" s="339"/>
      <c r="Q20" s="339"/>
      <c r="R20" s="299"/>
      <c r="S20" s="344"/>
      <c r="T20" s="345"/>
      <c r="U20" s="345"/>
      <c r="V20" s="345"/>
      <c r="W20" s="345"/>
      <c r="X20" s="345"/>
      <c r="Y20" s="345"/>
      <c r="Z20" s="345"/>
      <c r="AA20" s="345"/>
      <c r="AB20" s="345"/>
      <c r="AC20" s="345"/>
      <c r="AD20" s="345"/>
      <c r="AE20" s="345"/>
      <c r="AF20" s="345"/>
      <c r="AG20" s="345"/>
      <c r="AH20" s="345"/>
      <c r="AI20" s="345"/>
      <c r="AJ20" s="345"/>
      <c r="AK20" s="345"/>
      <c r="AL20" s="345"/>
      <c r="AM20" s="345"/>
      <c r="AN20" s="345"/>
      <c r="AO20" s="345"/>
      <c r="AP20" s="345"/>
      <c r="AQ20" s="345"/>
      <c r="AR20" s="345"/>
      <c r="AS20" s="345"/>
      <c r="AT20" s="345"/>
      <c r="AU20" s="345"/>
      <c r="AV20" s="345"/>
      <c r="AW20" s="345"/>
      <c r="AX20" s="345"/>
      <c r="AY20" s="345"/>
      <c r="AZ20" s="345"/>
      <c r="BA20" s="345"/>
      <c r="BB20" s="345"/>
      <c r="BC20" s="345"/>
      <c r="BD20" s="345"/>
      <c r="BE20" s="345"/>
      <c r="BF20" s="345"/>
      <c r="BG20" s="345"/>
      <c r="BH20" s="345"/>
      <c r="BI20" s="345"/>
      <c r="BJ20" s="345"/>
      <c r="BK20" s="345"/>
      <c r="BL20" s="345"/>
      <c r="BM20" s="346"/>
      <c r="BQ20" s="294"/>
      <c r="BR20" s="338"/>
      <c r="BS20" s="338"/>
      <c r="BT20" s="338"/>
      <c r="BU20" s="338"/>
      <c r="BV20" s="338"/>
      <c r="BW20" s="338"/>
      <c r="BX20" s="338"/>
      <c r="BY20" s="338"/>
      <c r="BZ20" s="338"/>
      <c r="CA20" s="338"/>
      <c r="CB20" s="338"/>
      <c r="CC20" s="299"/>
      <c r="CD20" s="143"/>
      <c r="CE20" s="320"/>
      <c r="CF20" s="320"/>
      <c r="CG20" s="320"/>
      <c r="CH20" s="320"/>
      <c r="CI20" s="320"/>
      <c r="CJ20" s="320"/>
      <c r="CK20" s="320"/>
      <c r="CL20" s="320"/>
      <c r="CM20" s="320"/>
      <c r="CN20" s="320"/>
      <c r="CO20" s="320"/>
      <c r="CP20" s="320"/>
      <c r="CQ20" s="320"/>
      <c r="CR20" s="320"/>
      <c r="CS20" s="320"/>
      <c r="CT20" s="320"/>
      <c r="CU20" s="320"/>
      <c r="CV20" s="320"/>
      <c r="CW20" s="320"/>
      <c r="CX20" s="320"/>
      <c r="CY20" s="320"/>
      <c r="CZ20" s="320"/>
      <c r="DA20" s="320"/>
      <c r="DB20" s="320"/>
      <c r="DC20" s="320"/>
      <c r="DD20" s="320"/>
      <c r="DE20" s="320"/>
      <c r="DF20" s="320"/>
      <c r="DG20" s="320"/>
      <c r="DH20" s="320"/>
      <c r="DI20" s="320"/>
      <c r="DJ20" s="320"/>
      <c r="DK20" s="320"/>
      <c r="DL20" s="320"/>
      <c r="DM20" s="320"/>
      <c r="DN20" s="320"/>
      <c r="DO20" s="320"/>
      <c r="DP20" s="320"/>
      <c r="DQ20" s="320"/>
      <c r="DR20" s="320"/>
      <c r="DS20" s="320"/>
      <c r="DT20" s="320"/>
      <c r="DU20" s="320"/>
      <c r="DV20" s="320"/>
      <c r="DW20" s="320"/>
      <c r="DX20" s="320"/>
      <c r="DY20" s="320"/>
      <c r="DZ20" s="320"/>
      <c r="EA20" s="320"/>
      <c r="EB20" s="320"/>
      <c r="EC20" s="320"/>
      <c r="ED20" s="320"/>
      <c r="EE20" s="320"/>
      <c r="EF20" s="320"/>
      <c r="EG20" s="320"/>
      <c r="EH20" s="320"/>
      <c r="EI20" s="320"/>
      <c r="EJ20" s="323"/>
      <c r="EK20" s="2"/>
      <c r="EL20" s="2"/>
      <c r="EM20" s="2"/>
      <c r="EN20" s="12"/>
      <c r="EO20" s="3"/>
      <c r="EP20" s="3"/>
      <c r="EQ20" s="3"/>
      <c r="ER20" s="3"/>
      <c r="ES20" s="3"/>
      <c r="ET20" s="3"/>
      <c r="EU20" s="3"/>
      <c r="EV20" s="3"/>
      <c r="EW20" s="3"/>
      <c r="EX20" s="3"/>
      <c r="EY20" s="3"/>
      <c r="EZ20" s="3"/>
      <c r="FA20" s="3"/>
      <c r="FB20" s="3"/>
      <c r="FC20" s="3"/>
      <c r="FD20" s="3"/>
      <c r="FE20" s="3"/>
      <c r="FF20" s="27"/>
      <c r="FG20" s="27"/>
      <c r="FH20" s="27"/>
      <c r="FI20" s="28"/>
      <c r="FJ20" s="28"/>
      <c r="FK20" s="28"/>
      <c r="FL20" s="28"/>
      <c r="FM20" s="28"/>
      <c r="FN20" s="28"/>
      <c r="FO20" s="28"/>
      <c r="FP20" s="28"/>
      <c r="FQ20" s="28"/>
      <c r="FR20" s="28"/>
      <c r="FS20" s="28"/>
      <c r="FT20" s="28"/>
      <c r="FU20" s="28"/>
      <c r="FV20" s="28"/>
      <c r="FW20" s="28"/>
      <c r="FX20" s="28"/>
      <c r="FY20" s="28"/>
      <c r="FZ20" s="28"/>
      <c r="GA20" s="27"/>
      <c r="GB20" s="27"/>
      <c r="GC20" s="27"/>
      <c r="GD20" s="27"/>
      <c r="GE20" s="27"/>
      <c r="GF20" s="5"/>
      <c r="GG20" s="5"/>
      <c r="GH20" s="5"/>
      <c r="GI20" s="5"/>
      <c r="GJ20" s="5"/>
      <c r="GK20" s="5"/>
      <c r="GL20" s="5"/>
      <c r="GM20" s="5"/>
      <c r="GN20" s="5"/>
      <c r="GO20" s="5"/>
      <c r="GP20" s="5"/>
      <c r="GQ20" s="5"/>
      <c r="GR20" s="5"/>
      <c r="GS20" s="5"/>
      <c r="GT20" s="5"/>
      <c r="GU20" s="5"/>
      <c r="GV20" s="5"/>
      <c r="GW20" s="5"/>
      <c r="GX20" s="5"/>
      <c r="GY20" s="5"/>
      <c r="GZ20" s="5"/>
      <c r="HA20" s="5"/>
      <c r="HB20" s="5"/>
      <c r="HC20" s="5"/>
      <c r="HD20" s="5"/>
      <c r="HE20" s="5"/>
      <c r="HF20" s="5"/>
      <c r="HG20" s="5"/>
      <c r="HH20" s="20"/>
      <c r="HI20" s="20"/>
      <c r="HJ20" s="20"/>
      <c r="HK20" s="20"/>
      <c r="HL20" s="29"/>
      <c r="HM20" s="29"/>
      <c r="HN20" s="29"/>
      <c r="HO20" s="29"/>
      <c r="HP20" s="29"/>
      <c r="HQ20" s="30"/>
    </row>
    <row r="21" spans="2:225" ht="6" customHeight="1">
      <c r="B21" s="294"/>
      <c r="C21" s="339"/>
      <c r="D21" s="339"/>
      <c r="E21" s="339"/>
      <c r="F21" s="339"/>
      <c r="G21" s="339"/>
      <c r="H21" s="339"/>
      <c r="I21" s="339"/>
      <c r="J21" s="339"/>
      <c r="K21" s="339"/>
      <c r="L21" s="339"/>
      <c r="M21" s="339"/>
      <c r="N21" s="339"/>
      <c r="O21" s="339"/>
      <c r="P21" s="339"/>
      <c r="Q21" s="339"/>
      <c r="R21" s="299"/>
      <c r="S21" s="325">
        <f>GO84</f>
        <v>0</v>
      </c>
      <c r="T21" s="326"/>
      <c r="U21" s="326"/>
      <c r="V21" s="326"/>
      <c r="W21" s="326"/>
      <c r="X21" s="326"/>
      <c r="Y21" s="326"/>
      <c r="Z21" s="326"/>
      <c r="AA21" s="326"/>
      <c r="AB21" s="326"/>
      <c r="AC21" s="326"/>
      <c r="AD21" s="326"/>
      <c r="AE21" s="326"/>
      <c r="AF21" s="326"/>
      <c r="AG21" s="326"/>
      <c r="AH21" s="326"/>
      <c r="AI21" s="326"/>
      <c r="AJ21" s="326"/>
      <c r="AK21" s="326"/>
      <c r="AL21" s="326"/>
      <c r="AM21" s="326"/>
      <c r="AN21" s="326"/>
      <c r="AO21" s="326"/>
      <c r="AP21" s="326"/>
      <c r="AQ21" s="326"/>
      <c r="AR21" s="326"/>
      <c r="AS21" s="326"/>
      <c r="AT21" s="326"/>
      <c r="AU21" s="326"/>
      <c r="AV21" s="326"/>
      <c r="AW21" s="326"/>
      <c r="AX21" s="326"/>
      <c r="AY21" s="326"/>
      <c r="AZ21" s="326"/>
      <c r="BA21" s="326"/>
      <c r="BB21" s="326"/>
      <c r="BC21" s="326"/>
      <c r="BD21" s="326"/>
      <c r="BE21" s="326"/>
      <c r="BF21" s="326"/>
      <c r="BG21" s="326"/>
      <c r="BH21" s="326"/>
      <c r="BI21" s="326"/>
      <c r="BJ21" s="326"/>
      <c r="BK21" s="326"/>
      <c r="BL21" s="326"/>
      <c r="BM21" s="327"/>
      <c r="BQ21" s="294"/>
      <c r="BR21" s="338"/>
      <c r="BS21" s="338"/>
      <c r="BT21" s="338"/>
      <c r="BU21" s="338"/>
      <c r="BV21" s="338"/>
      <c r="BW21" s="338"/>
      <c r="BX21" s="338"/>
      <c r="BY21" s="338"/>
      <c r="BZ21" s="338"/>
      <c r="CA21" s="338"/>
      <c r="CB21" s="338"/>
      <c r="CC21" s="299"/>
      <c r="CD21" s="143"/>
      <c r="CE21" s="320"/>
      <c r="CF21" s="320"/>
      <c r="CG21" s="320"/>
      <c r="CH21" s="320"/>
      <c r="CI21" s="320"/>
      <c r="CJ21" s="320"/>
      <c r="CK21" s="320"/>
      <c r="CL21" s="320"/>
      <c r="CM21" s="320"/>
      <c r="CN21" s="320"/>
      <c r="CO21" s="320"/>
      <c r="CP21" s="320"/>
      <c r="CQ21" s="320"/>
      <c r="CR21" s="320"/>
      <c r="CS21" s="320"/>
      <c r="CT21" s="320"/>
      <c r="CU21" s="320"/>
      <c r="CV21" s="320"/>
      <c r="CW21" s="320"/>
      <c r="CX21" s="320"/>
      <c r="CY21" s="320"/>
      <c r="CZ21" s="320"/>
      <c r="DA21" s="320"/>
      <c r="DB21" s="320"/>
      <c r="DC21" s="320"/>
      <c r="DD21" s="320"/>
      <c r="DE21" s="320"/>
      <c r="DF21" s="320"/>
      <c r="DG21" s="320"/>
      <c r="DH21" s="320"/>
      <c r="DI21" s="320"/>
      <c r="DJ21" s="320"/>
      <c r="DK21" s="320"/>
      <c r="DL21" s="320"/>
      <c r="DM21" s="320"/>
      <c r="DN21" s="320"/>
      <c r="DO21" s="320"/>
      <c r="DP21" s="320"/>
      <c r="DQ21" s="320"/>
      <c r="DR21" s="320"/>
      <c r="DS21" s="320"/>
      <c r="DT21" s="320"/>
      <c r="DU21" s="320"/>
      <c r="DV21" s="320"/>
      <c r="DW21" s="320"/>
      <c r="DX21" s="320"/>
      <c r="DY21" s="320"/>
      <c r="DZ21" s="320"/>
      <c r="EA21" s="320"/>
      <c r="EB21" s="320"/>
      <c r="EC21" s="320"/>
      <c r="ED21" s="320"/>
      <c r="EE21" s="320"/>
      <c r="EF21" s="320"/>
      <c r="EG21" s="320"/>
      <c r="EH21" s="320"/>
      <c r="EI21" s="320"/>
      <c r="EJ21" s="323"/>
      <c r="EK21" s="2"/>
      <c r="EL21" s="2"/>
      <c r="EM21" s="2"/>
      <c r="EN21" s="12"/>
      <c r="EO21" s="3"/>
      <c r="EP21" s="3"/>
      <c r="EQ21" s="3"/>
      <c r="ER21" s="3"/>
      <c r="ES21" s="3"/>
      <c r="ET21" s="3"/>
      <c r="EU21" s="3"/>
      <c r="EV21" s="3"/>
      <c r="EW21" s="3"/>
      <c r="EX21" s="3"/>
      <c r="EY21" s="3"/>
      <c r="EZ21" s="3"/>
      <c r="FA21" s="3"/>
      <c r="FB21" s="3"/>
      <c r="FC21" s="3"/>
      <c r="FD21" s="3"/>
      <c r="FE21" s="3"/>
      <c r="FF21" s="27"/>
      <c r="FG21" s="27"/>
      <c r="FH21" s="27"/>
      <c r="FI21" s="28"/>
      <c r="FJ21" s="28"/>
      <c r="FK21" s="28"/>
      <c r="FL21" s="28"/>
      <c r="FM21" s="28"/>
      <c r="FN21" s="28"/>
      <c r="FO21" s="28"/>
      <c r="FP21" s="28"/>
      <c r="FQ21" s="28"/>
      <c r="FR21" s="28"/>
      <c r="FS21" s="28"/>
      <c r="FT21" s="28"/>
      <c r="FU21" s="28"/>
      <c r="FV21" s="28"/>
      <c r="FW21" s="28"/>
      <c r="FX21" s="28"/>
      <c r="FY21" s="28"/>
      <c r="FZ21" s="28"/>
      <c r="GA21" s="27"/>
      <c r="GB21" s="27"/>
      <c r="GC21" s="27"/>
      <c r="GD21" s="27"/>
      <c r="GE21" s="27"/>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20"/>
      <c r="HI21" s="20"/>
      <c r="HJ21" s="20"/>
      <c r="HK21" s="20"/>
      <c r="HL21" s="29"/>
      <c r="HM21" s="29"/>
      <c r="HN21" s="29"/>
      <c r="HO21" s="29"/>
      <c r="HP21" s="29"/>
      <c r="HQ21" s="30"/>
    </row>
    <row r="22" spans="2:225" ht="6" customHeight="1">
      <c r="B22" s="294"/>
      <c r="C22" s="339"/>
      <c r="D22" s="339"/>
      <c r="E22" s="339"/>
      <c r="F22" s="339"/>
      <c r="G22" s="339"/>
      <c r="H22" s="339"/>
      <c r="I22" s="339"/>
      <c r="J22" s="339"/>
      <c r="K22" s="339"/>
      <c r="L22" s="339"/>
      <c r="M22" s="339"/>
      <c r="N22" s="339"/>
      <c r="O22" s="339"/>
      <c r="P22" s="339"/>
      <c r="Q22" s="339"/>
      <c r="R22" s="299"/>
      <c r="S22" s="325"/>
      <c r="T22" s="326"/>
      <c r="U22" s="326"/>
      <c r="V22" s="326"/>
      <c r="W22" s="326"/>
      <c r="X22" s="326"/>
      <c r="Y22" s="326"/>
      <c r="Z22" s="326"/>
      <c r="AA22" s="326"/>
      <c r="AB22" s="326"/>
      <c r="AC22" s="326"/>
      <c r="AD22" s="326"/>
      <c r="AE22" s="326"/>
      <c r="AF22" s="326"/>
      <c r="AG22" s="326"/>
      <c r="AH22" s="326"/>
      <c r="AI22" s="326"/>
      <c r="AJ22" s="326"/>
      <c r="AK22" s="326"/>
      <c r="AL22" s="326"/>
      <c r="AM22" s="326"/>
      <c r="AN22" s="326"/>
      <c r="AO22" s="326"/>
      <c r="AP22" s="326"/>
      <c r="AQ22" s="326"/>
      <c r="AR22" s="326"/>
      <c r="AS22" s="326"/>
      <c r="AT22" s="326"/>
      <c r="AU22" s="326"/>
      <c r="AV22" s="326"/>
      <c r="AW22" s="326"/>
      <c r="AX22" s="326"/>
      <c r="AY22" s="326"/>
      <c r="AZ22" s="326"/>
      <c r="BA22" s="326"/>
      <c r="BB22" s="326"/>
      <c r="BC22" s="326"/>
      <c r="BD22" s="326"/>
      <c r="BE22" s="326"/>
      <c r="BF22" s="326"/>
      <c r="BG22" s="326"/>
      <c r="BH22" s="326"/>
      <c r="BI22" s="326"/>
      <c r="BJ22" s="326"/>
      <c r="BK22" s="326"/>
      <c r="BL22" s="326"/>
      <c r="BM22" s="327"/>
      <c r="BQ22" s="294"/>
      <c r="BR22" s="338"/>
      <c r="BS22" s="338"/>
      <c r="BT22" s="338"/>
      <c r="BU22" s="338"/>
      <c r="BV22" s="338"/>
      <c r="BW22" s="338"/>
      <c r="BX22" s="338"/>
      <c r="BY22" s="338"/>
      <c r="BZ22" s="338"/>
      <c r="CA22" s="338"/>
      <c r="CB22" s="338"/>
      <c r="CC22" s="299"/>
      <c r="CD22" s="143"/>
      <c r="CE22" s="320"/>
      <c r="CF22" s="320"/>
      <c r="CG22" s="320"/>
      <c r="CH22" s="320"/>
      <c r="CI22" s="320"/>
      <c r="CJ22" s="320"/>
      <c r="CK22" s="320"/>
      <c r="CL22" s="320"/>
      <c r="CM22" s="320"/>
      <c r="CN22" s="320"/>
      <c r="CO22" s="320"/>
      <c r="CP22" s="320"/>
      <c r="CQ22" s="320"/>
      <c r="CR22" s="320"/>
      <c r="CS22" s="320"/>
      <c r="CT22" s="320"/>
      <c r="CU22" s="320"/>
      <c r="CV22" s="320"/>
      <c r="CW22" s="320"/>
      <c r="CX22" s="320"/>
      <c r="CY22" s="320"/>
      <c r="CZ22" s="320"/>
      <c r="DA22" s="320"/>
      <c r="DB22" s="320"/>
      <c r="DC22" s="320"/>
      <c r="DD22" s="320"/>
      <c r="DE22" s="320"/>
      <c r="DF22" s="320"/>
      <c r="DG22" s="320"/>
      <c r="DH22" s="320"/>
      <c r="DI22" s="320"/>
      <c r="DJ22" s="320"/>
      <c r="DK22" s="320"/>
      <c r="DL22" s="320"/>
      <c r="DM22" s="320"/>
      <c r="DN22" s="320"/>
      <c r="DO22" s="320"/>
      <c r="DP22" s="320"/>
      <c r="DQ22" s="320"/>
      <c r="DR22" s="320"/>
      <c r="DS22" s="320"/>
      <c r="DT22" s="320"/>
      <c r="DU22" s="320"/>
      <c r="DV22" s="320"/>
      <c r="DW22" s="320"/>
      <c r="DX22" s="320"/>
      <c r="DY22" s="320"/>
      <c r="DZ22" s="320"/>
      <c r="EA22" s="320"/>
      <c r="EB22" s="320"/>
      <c r="EC22" s="320"/>
      <c r="ED22" s="320"/>
      <c r="EE22" s="320"/>
      <c r="EF22" s="320"/>
      <c r="EG22" s="320"/>
      <c r="EH22" s="320"/>
      <c r="EI22" s="320"/>
      <c r="EJ22" s="323"/>
      <c r="EK22" s="2"/>
      <c r="EL22" s="2"/>
      <c r="EM22" s="2"/>
      <c r="EN22" s="12"/>
      <c r="EO22" s="3"/>
      <c r="EP22" s="331" t="s">
        <v>15</v>
      </c>
      <c r="EQ22" s="331"/>
      <c r="ER22" s="331"/>
      <c r="ES22" s="331"/>
      <c r="ET22" s="331"/>
      <c r="EU22" s="331"/>
      <c r="EV22" s="331"/>
      <c r="EW22" s="331"/>
      <c r="EX22" s="331"/>
      <c r="EY22" s="331"/>
      <c r="EZ22" s="331"/>
      <c r="FA22" s="331"/>
      <c r="FB22" s="331"/>
      <c r="FC22" s="3"/>
      <c r="FD22" s="3"/>
      <c r="FE22" s="3"/>
      <c r="FF22" s="143" t="s">
        <v>16</v>
      </c>
      <c r="FG22" s="143"/>
      <c r="FH22" s="143"/>
      <c r="FI22" s="143"/>
      <c r="FJ22" s="313"/>
      <c r="FK22" s="313"/>
      <c r="FL22" s="313"/>
      <c r="FM22" s="313"/>
      <c r="FN22" s="313"/>
      <c r="FO22" s="313"/>
      <c r="FP22" s="313"/>
      <c r="FQ22" s="313"/>
      <c r="FR22" s="313"/>
      <c r="FS22" s="313"/>
      <c r="FT22" s="313"/>
      <c r="FU22" s="313"/>
      <c r="FV22" s="313"/>
      <c r="FW22" s="313"/>
      <c r="FX22" s="313"/>
      <c r="FY22" s="143" t="s">
        <v>78</v>
      </c>
      <c r="FZ22" s="143"/>
      <c r="GA22" s="143"/>
      <c r="GB22" s="143"/>
      <c r="GC22" s="313"/>
      <c r="GD22" s="313"/>
      <c r="GE22" s="313"/>
      <c r="GF22" s="313"/>
      <c r="GG22" s="313"/>
      <c r="GH22" s="313"/>
      <c r="GI22" s="313"/>
      <c r="GJ22" s="313"/>
      <c r="GK22" s="313"/>
      <c r="GL22" s="313"/>
      <c r="GM22" s="313"/>
      <c r="GN22" s="143" t="s">
        <v>78</v>
      </c>
      <c r="GO22" s="143"/>
      <c r="GP22" s="143"/>
      <c r="GQ22" s="143"/>
      <c r="GR22" s="313"/>
      <c r="GS22" s="313"/>
      <c r="GT22" s="313"/>
      <c r="GU22" s="313"/>
      <c r="GV22" s="313"/>
      <c r="GW22" s="313"/>
      <c r="GX22" s="313"/>
      <c r="GY22" s="313"/>
      <c r="GZ22" s="313"/>
      <c r="HA22" s="313"/>
      <c r="HB22" s="313"/>
      <c r="HC22" s="313"/>
      <c r="HD22" s="313"/>
      <c r="HE22" s="313"/>
      <c r="HF22" s="313"/>
      <c r="HG22" s="316"/>
      <c r="HH22" s="2"/>
      <c r="HI22" s="2"/>
      <c r="HJ22" s="2"/>
      <c r="HK22" s="2"/>
      <c r="HL22" s="3"/>
      <c r="HM22" s="3"/>
      <c r="HN22" s="2"/>
      <c r="HO22" s="2"/>
      <c r="HP22" s="2"/>
      <c r="HQ22" s="15"/>
    </row>
    <row r="23" spans="2:225" ht="6" customHeight="1">
      <c r="B23" s="294"/>
      <c r="C23" s="339"/>
      <c r="D23" s="339"/>
      <c r="E23" s="339"/>
      <c r="F23" s="339"/>
      <c r="G23" s="339"/>
      <c r="H23" s="339"/>
      <c r="I23" s="339"/>
      <c r="J23" s="339"/>
      <c r="K23" s="339"/>
      <c r="L23" s="339"/>
      <c r="M23" s="339"/>
      <c r="N23" s="339"/>
      <c r="O23" s="339"/>
      <c r="P23" s="339"/>
      <c r="Q23" s="339"/>
      <c r="R23" s="299"/>
      <c r="S23" s="325"/>
      <c r="T23" s="326"/>
      <c r="U23" s="326"/>
      <c r="V23" s="326"/>
      <c r="W23" s="326"/>
      <c r="X23" s="326"/>
      <c r="Y23" s="326"/>
      <c r="Z23" s="326"/>
      <c r="AA23" s="326"/>
      <c r="AB23" s="326"/>
      <c r="AC23" s="326"/>
      <c r="AD23" s="326"/>
      <c r="AE23" s="326"/>
      <c r="AF23" s="326"/>
      <c r="AG23" s="326"/>
      <c r="AH23" s="326"/>
      <c r="AI23" s="326"/>
      <c r="AJ23" s="326"/>
      <c r="AK23" s="326"/>
      <c r="AL23" s="326"/>
      <c r="AM23" s="326"/>
      <c r="AN23" s="326"/>
      <c r="AO23" s="326"/>
      <c r="AP23" s="326"/>
      <c r="AQ23" s="326"/>
      <c r="AR23" s="326"/>
      <c r="AS23" s="326"/>
      <c r="AT23" s="326"/>
      <c r="AU23" s="326"/>
      <c r="AV23" s="326"/>
      <c r="AW23" s="326"/>
      <c r="AX23" s="326"/>
      <c r="AY23" s="326"/>
      <c r="AZ23" s="326"/>
      <c r="BA23" s="326"/>
      <c r="BB23" s="326"/>
      <c r="BC23" s="326"/>
      <c r="BD23" s="326"/>
      <c r="BE23" s="326"/>
      <c r="BF23" s="326"/>
      <c r="BG23" s="326"/>
      <c r="BH23" s="326"/>
      <c r="BI23" s="326"/>
      <c r="BJ23" s="326"/>
      <c r="BK23" s="326"/>
      <c r="BL23" s="326"/>
      <c r="BM23" s="327"/>
      <c r="BQ23" s="294"/>
      <c r="BR23" s="338"/>
      <c r="BS23" s="338"/>
      <c r="BT23" s="338"/>
      <c r="BU23" s="338"/>
      <c r="BV23" s="338"/>
      <c r="BW23" s="338"/>
      <c r="BX23" s="338"/>
      <c r="BY23" s="338"/>
      <c r="BZ23" s="338"/>
      <c r="CA23" s="338"/>
      <c r="CB23" s="338"/>
      <c r="CC23" s="299"/>
      <c r="CD23" s="143"/>
      <c r="CE23" s="320"/>
      <c r="CF23" s="320"/>
      <c r="CG23" s="320"/>
      <c r="CH23" s="320"/>
      <c r="CI23" s="320"/>
      <c r="CJ23" s="320"/>
      <c r="CK23" s="320"/>
      <c r="CL23" s="320"/>
      <c r="CM23" s="320"/>
      <c r="CN23" s="320"/>
      <c r="CO23" s="320"/>
      <c r="CP23" s="320"/>
      <c r="CQ23" s="320"/>
      <c r="CR23" s="320"/>
      <c r="CS23" s="320"/>
      <c r="CT23" s="320"/>
      <c r="CU23" s="320"/>
      <c r="CV23" s="320"/>
      <c r="CW23" s="320"/>
      <c r="CX23" s="320"/>
      <c r="CY23" s="320"/>
      <c r="CZ23" s="320"/>
      <c r="DA23" s="320"/>
      <c r="DB23" s="320"/>
      <c r="DC23" s="320"/>
      <c r="DD23" s="320"/>
      <c r="DE23" s="320"/>
      <c r="DF23" s="320"/>
      <c r="DG23" s="320"/>
      <c r="DH23" s="320"/>
      <c r="DI23" s="320"/>
      <c r="DJ23" s="320"/>
      <c r="DK23" s="320"/>
      <c r="DL23" s="320"/>
      <c r="DM23" s="320"/>
      <c r="DN23" s="320"/>
      <c r="DO23" s="320"/>
      <c r="DP23" s="320"/>
      <c r="DQ23" s="320"/>
      <c r="DR23" s="320"/>
      <c r="DS23" s="320"/>
      <c r="DT23" s="320"/>
      <c r="DU23" s="320"/>
      <c r="DV23" s="320"/>
      <c r="DW23" s="320"/>
      <c r="DX23" s="320"/>
      <c r="DY23" s="320"/>
      <c r="DZ23" s="320"/>
      <c r="EA23" s="320"/>
      <c r="EB23" s="320"/>
      <c r="EC23" s="320"/>
      <c r="ED23" s="320"/>
      <c r="EE23" s="320"/>
      <c r="EF23" s="320"/>
      <c r="EG23" s="320"/>
      <c r="EH23" s="320"/>
      <c r="EI23" s="320"/>
      <c r="EJ23" s="323"/>
      <c r="EK23" s="2"/>
      <c r="EL23" s="2"/>
      <c r="EM23" s="2"/>
      <c r="EN23" s="12"/>
      <c r="EO23" s="3"/>
      <c r="EP23" s="331"/>
      <c r="EQ23" s="331"/>
      <c r="ER23" s="331"/>
      <c r="ES23" s="331"/>
      <c r="ET23" s="331"/>
      <c r="EU23" s="331"/>
      <c r="EV23" s="331"/>
      <c r="EW23" s="331"/>
      <c r="EX23" s="331"/>
      <c r="EY23" s="331"/>
      <c r="EZ23" s="331"/>
      <c r="FA23" s="331"/>
      <c r="FB23" s="331"/>
      <c r="FC23" s="3"/>
      <c r="FD23" s="3"/>
      <c r="FE23" s="3"/>
      <c r="FF23" s="143"/>
      <c r="FG23" s="143"/>
      <c r="FH23" s="143"/>
      <c r="FI23" s="143"/>
      <c r="FJ23" s="313"/>
      <c r="FK23" s="313"/>
      <c r="FL23" s="313"/>
      <c r="FM23" s="313"/>
      <c r="FN23" s="313"/>
      <c r="FO23" s="313"/>
      <c r="FP23" s="313"/>
      <c r="FQ23" s="313"/>
      <c r="FR23" s="313"/>
      <c r="FS23" s="313"/>
      <c r="FT23" s="313"/>
      <c r="FU23" s="313"/>
      <c r="FV23" s="313"/>
      <c r="FW23" s="313"/>
      <c r="FX23" s="313"/>
      <c r="FY23" s="143"/>
      <c r="FZ23" s="143"/>
      <c r="GA23" s="143"/>
      <c r="GB23" s="143"/>
      <c r="GC23" s="313"/>
      <c r="GD23" s="313"/>
      <c r="GE23" s="313"/>
      <c r="GF23" s="313"/>
      <c r="GG23" s="313"/>
      <c r="GH23" s="313"/>
      <c r="GI23" s="313"/>
      <c r="GJ23" s="313"/>
      <c r="GK23" s="313"/>
      <c r="GL23" s="313"/>
      <c r="GM23" s="313"/>
      <c r="GN23" s="143"/>
      <c r="GO23" s="143"/>
      <c r="GP23" s="143"/>
      <c r="GQ23" s="143"/>
      <c r="GR23" s="313"/>
      <c r="GS23" s="313"/>
      <c r="GT23" s="313"/>
      <c r="GU23" s="313"/>
      <c r="GV23" s="313"/>
      <c r="GW23" s="313"/>
      <c r="GX23" s="313"/>
      <c r="GY23" s="313"/>
      <c r="GZ23" s="313"/>
      <c r="HA23" s="313"/>
      <c r="HB23" s="313"/>
      <c r="HC23" s="313"/>
      <c r="HD23" s="313"/>
      <c r="HE23" s="313"/>
      <c r="HF23" s="313"/>
      <c r="HG23" s="316"/>
      <c r="HH23" s="2"/>
      <c r="HI23" s="2"/>
      <c r="HJ23" s="2"/>
      <c r="HK23" s="2"/>
      <c r="HL23" s="3"/>
      <c r="HM23" s="3"/>
      <c r="HN23" s="2"/>
      <c r="HO23" s="2"/>
      <c r="HP23" s="2"/>
      <c r="HQ23" s="15"/>
    </row>
    <row r="24" spans="2:225" ht="6" customHeight="1">
      <c r="B24" s="297"/>
      <c r="C24" s="340"/>
      <c r="D24" s="340"/>
      <c r="E24" s="340"/>
      <c r="F24" s="340"/>
      <c r="G24" s="340"/>
      <c r="H24" s="340"/>
      <c r="I24" s="340"/>
      <c r="J24" s="340"/>
      <c r="K24" s="340"/>
      <c r="L24" s="340"/>
      <c r="M24" s="340"/>
      <c r="N24" s="340"/>
      <c r="O24" s="340"/>
      <c r="P24" s="340"/>
      <c r="Q24" s="340"/>
      <c r="R24" s="300"/>
      <c r="S24" s="328"/>
      <c r="T24" s="329"/>
      <c r="U24" s="329"/>
      <c r="V24" s="329"/>
      <c r="W24" s="329"/>
      <c r="X24" s="329"/>
      <c r="Y24" s="329"/>
      <c r="Z24" s="329"/>
      <c r="AA24" s="329"/>
      <c r="AB24" s="329"/>
      <c r="AC24" s="329"/>
      <c r="AD24" s="329"/>
      <c r="AE24" s="329"/>
      <c r="AF24" s="329"/>
      <c r="AG24" s="329"/>
      <c r="AH24" s="329"/>
      <c r="AI24" s="329"/>
      <c r="AJ24" s="329"/>
      <c r="AK24" s="329"/>
      <c r="AL24" s="329"/>
      <c r="AM24" s="329"/>
      <c r="AN24" s="329"/>
      <c r="AO24" s="329"/>
      <c r="AP24" s="329"/>
      <c r="AQ24" s="329"/>
      <c r="AR24" s="329"/>
      <c r="AS24" s="329"/>
      <c r="AT24" s="329"/>
      <c r="AU24" s="329"/>
      <c r="AV24" s="329"/>
      <c r="AW24" s="329"/>
      <c r="AX24" s="329"/>
      <c r="AY24" s="329"/>
      <c r="AZ24" s="329"/>
      <c r="BA24" s="329"/>
      <c r="BB24" s="329"/>
      <c r="BC24" s="329"/>
      <c r="BD24" s="329"/>
      <c r="BE24" s="329"/>
      <c r="BF24" s="329"/>
      <c r="BG24" s="329"/>
      <c r="BH24" s="329"/>
      <c r="BI24" s="329"/>
      <c r="BJ24" s="329"/>
      <c r="BK24" s="329"/>
      <c r="BL24" s="329"/>
      <c r="BM24" s="330"/>
      <c r="BQ24" s="297"/>
      <c r="BR24" s="347"/>
      <c r="BS24" s="347"/>
      <c r="BT24" s="347"/>
      <c r="BU24" s="347"/>
      <c r="BV24" s="347"/>
      <c r="BW24" s="347"/>
      <c r="BX24" s="347"/>
      <c r="BY24" s="347"/>
      <c r="BZ24" s="347"/>
      <c r="CA24" s="347"/>
      <c r="CB24" s="347"/>
      <c r="CC24" s="300"/>
      <c r="CD24" s="315"/>
      <c r="CE24" s="321"/>
      <c r="CF24" s="321"/>
      <c r="CG24" s="321"/>
      <c r="CH24" s="321"/>
      <c r="CI24" s="321"/>
      <c r="CJ24" s="321"/>
      <c r="CK24" s="321"/>
      <c r="CL24" s="321"/>
      <c r="CM24" s="321"/>
      <c r="CN24" s="321"/>
      <c r="CO24" s="321"/>
      <c r="CP24" s="321"/>
      <c r="CQ24" s="321"/>
      <c r="CR24" s="321"/>
      <c r="CS24" s="321"/>
      <c r="CT24" s="321"/>
      <c r="CU24" s="321"/>
      <c r="CV24" s="321"/>
      <c r="CW24" s="321"/>
      <c r="CX24" s="321"/>
      <c r="CY24" s="321"/>
      <c r="CZ24" s="321"/>
      <c r="DA24" s="321"/>
      <c r="DB24" s="321"/>
      <c r="DC24" s="321"/>
      <c r="DD24" s="321"/>
      <c r="DE24" s="321"/>
      <c r="DF24" s="321"/>
      <c r="DG24" s="321"/>
      <c r="DH24" s="321"/>
      <c r="DI24" s="321"/>
      <c r="DJ24" s="321"/>
      <c r="DK24" s="321"/>
      <c r="DL24" s="321"/>
      <c r="DM24" s="321"/>
      <c r="DN24" s="321"/>
      <c r="DO24" s="321"/>
      <c r="DP24" s="321"/>
      <c r="DQ24" s="321"/>
      <c r="DR24" s="321"/>
      <c r="DS24" s="321"/>
      <c r="DT24" s="321"/>
      <c r="DU24" s="321"/>
      <c r="DV24" s="321"/>
      <c r="DW24" s="321"/>
      <c r="DX24" s="321"/>
      <c r="DY24" s="321"/>
      <c r="DZ24" s="321"/>
      <c r="EA24" s="321"/>
      <c r="EB24" s="321"/>
      <c r="EC24" s="321"/>
      <c r="ED24" s="321"/>
      <c r="EE24" s="321"/>
      <c r="EF24" s="321"/>
      <c r="EG24" s="321"/>
      <c r="EH24" s="321"/>
      <c r="EI24" s="321"/>
      <c r="EJ24" s="324"/>
      <c r="EK24" s="2"/>
      <c r="EL24" s="2"/>
      <c r="EM24" s="2"/>
      <c r="EN24" s="31"/>
      <c r="EO24" s="32"/>
      <c r="EP24" s="332"/>
      <c r="EQ24" s="332"/>
      <c r="ER24" s="332"/>
      <c r="ES24" s="332"/>
      <c r="ET24" s="332"/>
      <c r="EU24" s="332"/>
      <c r="EV24" s="332"/>
      <c r="EW24" s="332"/>
      <c r="EX24" s="332"/>
      <c r="EY24" s="332"/>
      <c r="EZ24" s="332"/>
      <c r="FA24" s="332"/>
      <c r="FB24" s="332"/>
      <c r="FC24" s="32"/>
      <c r="FD24" s="32"/>
      <c r="FE24" s="32"/>
      <c r="FF24" s="315"/>
      <c r="FG24" s="315"/>
      <c r="FH24" s="315"/>
      <c r="FI24" s="315"/>
      <c r="FJ24" s="314"/>
      <c r="FK24" s="314"/>
      <c r="FL24" s="314"/>
      <c r="FM24" s="314"/>
      <c r="FN24" s="314"/>
      <c r="FO24" s="314"/>
      <c r="FP24" s="314"/>
      <c r="FQ24" s="314"/>
      <c r="FR24" s="314"/>
      <c r="FS24" s="314"/>
      <c r="FT24" s="314"/>
      <c r="FU24" s="314"/>
      <c r="FV24" s="314"/>
      <c r="FW24" s="314"/>
      <c r="FX24" s="314"/>
      <c r="FY24" s="315"/>
      <c r="FZ24" s="315"/>
      <c r="GA24" s="315"/>
      <c r="GB24" s="315"/>
      <c r="GC24" s="314"/>
      <c r="GD24" s="314"/>
      <c r="GE24" s="314"/>
      <c r="GF24" s="314"/>
      <c r="GG24" s="314"/>
      <c r="GH24" s="314"/>
      <c r="GI24" s="314"/>
      <c r="GJ24" s="314"/>
      <c r="GK24" s="314"/>
      <c r="GL24" s="314"/>
      <c r="GM24" s="314"/>
      <c r="GN24" s="315"/>
      <c r="GO24" s="315"/>
      <c r="GP24" s="315"/>
      <c r="GQ24" s="315"/>
      <c r="GR24" s="314"/>
      <c r="GS24" s="314"/>
      <c r="GT24" s="314"/>
      <c r="GU24" s="314"/>
      <c r="GV24" s="314"/>
      <c r="GW24" s="314"/>
      <c r="GX24" s="314"/>
      <c r="GY24" s="314"/>
      <c r="GZ24" s="314"/>
      <c r="HA24" s="314"/>
      <c r="HB24" s="314"/>
      <c r="HC24" s="314"/>
      <c r="HD24" s="314"/>
      <c r="HE24" s="314"/>
      <c r="HF24" s="314"/>
      <c r="HG24" s="317"/>
      <c r="HH24" s="32"/>
      <c r="HI24" s="32"/>
      <c r="HJ24" s="32"/>
      <c r="HK24" s="32"/>
      <c r="HL24" s="32"/>
      <c r="HM24" s="32"/>
      <c r="HN24" s="33"/>
      <c r="HO24" s="33"/>
      <c r="HP24" s="33"/>
      <c r="HQ24" s="34"/>
    </row>
    <row r="25" spans="2:225" ht="6" customHeight="1">
      <c r="BM25" s="35"/>
    </row>
    <row r="26" spans="2:225" ht="6" customHeight="1">
      <c r="BN26" s="35"/>
      <c r="BY26" s="2"/>
      <c r="BZ26" s="2"/>
      <c r="CA26" s="311" t="s">
        <v>17</v>
      </c>
      <c r="CB26" s="311"/>
      <c r="CC26" s="311"/>
      <c r="CD26" s="311"/>
      <c r="CE26" s="311"/>
      <c r="CF26" s="311"/>
      <c r="CG26" s="311"/>
      <c r="CH26" s="311"/>
      <c r="CI26" s="311"/>
      <c r="CJ26" s="311"/>
      <c r="CK26" s="311"/>
      <c r="CL26" s="311"/>
      <c r="CM26" s="311"/>
      <c r="CN26" s="311"/>
      <c r="CO26" s="311"/>
      <c r="CP26" s="311"/>
      <c r="CQ26" s="311"/>
      <c r="CR26" s="311"/>
      <c r="CS26" s="311"/>
      <c r="CT26" s="311"/>
      <c r="CU26" s="311"/>
      <c r="CV26" s="311"/>
      <c r="CW26" s="311"/>
      <c r="CX26" s="311"/>
      <c r="CY26" s="311"/>
      <c r="CZ26" s="311"/>
      <c r="DA26" s="311"/>
      <c r="DB26" s="311"/>
      <c r="DC26" s="311"/>
      <c r="DD26" s="311"/>
      <c r="DE26" s="311"/>
      <c r="DF26" s="311"/>
      <c r="DG26" s="311"/>
      <c r="DH26" s="311"/>
      <c r="DI26" s="311"/>
      <c r="DJ26" s="311"/>
      <c r="DK26" s="311"/>
      <c r="DL26" s="311"/>
      <c r="DM26" s="311"/>
      <c r="DN26" s="311"/>
      <c r="DO26" s="311"/>
      <c r="DP26" s="311"/>
      <c r="DQ26" s="311"/>
      <c r="DR26" s="311"/>
      <c r="DS26" s="311"/>
      <c r="DT26" s="311"/>
      <c r="DU26" s="311"/>
      <c r="DV26" s="311"/>
      <c r="DW26" s="311"/>
      <c r="DX26" s="311"/>
      <c r="DY26" s="311"/>
      <c r="DZ26" s="311"/>
      <c r="EA26" s="311"/>
      <c r="EB26" s="311"/>
      <c r="EC26" s="311"/>
      <c r="ED26" s="311"/>
      <c r="EE26" s="311"/>
      <c r="EF26" s="311"/>
      <c r="EG26" s="311"/>
      <c r="EH26" s="311"/>
      <c r="EI26" s="311"/>
      <c r="EJ26" s="311"/>
      <c r="EK26" s="311"/>
      <c r="EL26" s="311"/>
      <c r="EM26" s="311"/>
      <c r="EN26" s="311"/>
      <c r="EO26" s="311"/>
      <c r="EP26" s="311"/>
      <c r="EQ26" s="311"/>
      <c r="ER26" s="311"/>
      <c r="ES26" s="311"/>
      <c r="ET26" s="311"/>
      <c r="EU26" s="311"/>
      <c r="EV26" s="311"/>
      <c r="EW26" s="311"/>
      <c r="EX26" s="311"/>
      <c r="EY26" s="311"/>
      <c r="EZ26" s="311"/>
      <c r="FA26" s="311"/>
      <c r="FB26" s="311"/>
      <c r="FC26" s="311"/>
      <c r="FD26" s="311"/>
      <c r="FE26" s="311"/>
      <c r="FF26" s="311"/>
    </row>
    <row r="27" spans="2:225" ht="6" customHeight="1">
      <c r="B27" s="293"/>
      <c r="C27" s="36"/>
      <c r="D27" s="36"/>
      <c r="E27" s="36"/>
      <c r="F27" s="36"/>
      <c r="G27" s="36"/>
      <c r="H27" s="36"/>
      <c r="I27" s="36"/>
      <c r="J27" s="36"/>
      <c r="K27" s="36"/>
      <c r="L27" s="36"/>
      <c r="M27" s="36"/>
      <c r="N27" s="36"/>
      <c r="O27" s="36"/>
      <c r="P27" s="36"/>
      <c r="Q27" s="36"/>
      <c r="R27" s="295"/>
      <c r="S27" s="293"/>
      <c r="T27" s="281" t="s">
        <v>18</v>
      </c>
      <c r="U27" s="281"/>
      <c r="V27" s="281"/>
      <c r="W27" s="281"/>
      <c r="X27" s="281"/>
      <c r="Y27" s="281"/>
      <c r="Z27" s="281"/>
      <c r="AA27" s="281"/>
      <c r="AB27" s="281"/>
      <c r="AC27" s="281"/>
      <c r="AD27" s="298"/>
      <c r="AE27" s="293"/>
      <c r="AF27" s="281" t="s">
        <v>19</v>
      </c>
      <c r="AG27" s="281"/>
      <c r="AH27" s="281"/>
      <c r="AI27" s="281"/>
      <c r="AJ27" s="281"/>
      <c r="AK27" s="281"/>
      <c r="AL27" s="281"/>
      <c r="AM27" s="281"/>
      <c r="AN27" s="281"/>
      <c r="AO27" s="281"/>
      <c r="AP27" s="298"/>
      <c r="AQ27" s="293"/>
      <c r="AR27" s="281" t="s">
        <v>20</v>
      </c>
      <c r="AS27" s="281"/>
      <c r="AT27" s="281"/>
      <c r="AU27" s="281"/>
      <c r="AV27" s="281"/>
      <c r="AW27" s="281"/>
      <c r="AX27" s="281"/>
      <c r="AY27" s="281"/>
      <c r="AZ27" s="281"/>
      <c r="BA27" s="281"/>
      <c r="BB27" s="298"/>
      <c r="BD27" s="280" t="s">
        <v>21</v>
      </c>
      <c r="BE27" s="281"/>
      <c r="BF27" s="281"/>
      <c r="BG27" s="281"/>
      <c r="BH27" s="281"/>
      <c r="BI27" s="281"/>
      <c r="BJ27" s="281"/>
      <c r="BK27" s="281"/>
      <c r="BL27" s="281"/>
      <c r="BM27" s="281"/>
      <c r="BN27" s="281"/>
      <c r="BO27" s="281"/>
      <c r="BP27" s="281"/>
      <c r="BQ27" s="281"/>
      <c r="BR27" s="281"/>
      <c r="BS27" s="281"/>
      <c r="BT27" s="281"/>
      <c r="BU27" s="281"/>
      <c r="BV27" s="281"/>
      <c r="BW27" s="281"/>
      <c r="BX27" s="281"/>
      <c r="BY27" s="282"/>
      <c r="BZ27" s="2"/>
      <c r="CA27" s="312"/>
      <c r="CB27" s="312"/>
      <c r="CC27" s="312"/>
      <c r="CD27" s="312"/>
      <c r="CE27" s="312"/>
      <c r="CF27" s="312"/>
      <c r="CG27" s="312"/>
      <c r="CH27" s="312"/>
      <c r="CI27" s="312"/>
      <c r="CJ27" s="312"/>
      <c r="CK27" s="312"/>
      <c r="CL27" s="312"/>
      <c r="CM27" s="312"/>
      <c r="CN27" s="312"/>
      <c r="CO27" s="312"/>
      <c r="CP27" s="312"/>
      <c r="CQ27" s="312"/>
      <c r="CR27" s="312"/>
      <c r="CS27" s="312"/>
      <c r="CT27" s="312"/>
      <c r="CU27" s="312"/>
      <c r="CV27" s="312"/>
      <c r="CW27" s="312"/>
      <c r="CX27" s="312"/>
      <c r="CY27" s="312"/>
      <c r="CZ27" s="312"/>
      <c r="DA27" s="312"/>
      <c r="DB27" s="312"/>
      <c r="DC27" s="312"/>
      <c r="DD27" s="312"/>
      <c r="DE27" s="312"/>
      <c r="DF27" s="312"/>
      <c r="DG27" s="312"/>
      <c r="DH27" s="312"/>
      <c r="DI27" s="312"/>
      <c r="DJ27" s="312"/>
      <c r="DK27" s="312"/>
      <c r="DL27" s="312"/>
      <c r="DM27" s="312"/>
      <c r="DN27" s="312"/>
      <c r="DO27" s="312"/>
      <c r="DP27" s="312"/>
      <c r="DQ27" s="312"/>
      <c r="DR27" s="312"/>
      <c r="DS27" s="312"/>
      <c r="DT27" s="312"/>
      <c r="DU27" s="312"/>
      <c r="DV27" s="312"/>
      <c r="DW27" s="312"/>
      <c r="DX27" s="312"/>
      <c r="DY27" s="312"/>
      <c r="DZ27" s="312"/>
      <c r="EA27" s="312"/>
      <c r="EB27" s="312"/>
      <c r="EC27" s="312"/>
      <c r="ED27" s="312"/>
      <c r="EE27" s="312"/>
      <c r="EF27" s="312"/>
      <c r="EG27" s="312"/>
      <c r="EH27" s="312"/>
      <c r="EI27" s="312"/>
      <c r="EJ27" s="312"/>
      <c r="EK27" s="312"/>
      <c r="EL27" s="312"/>
      <c r="EM27" s="312"/>
      <c r="EN27" s="312"/>
      <c r="EO27" s="312"/>
      <c r="EP27" s="312"/>
      <c r="EQ27" s="312"/>
      <c r="ER27" s="312"/>
      <c r="ES27" s="312"/>
      <c r="ET27" s="312"/>
      <c r="EU27" s="312"/>
      <c r="EV27" s="312"/>
      <c r="EW27" s="312"/>
      <c r="EX27" s="312"/>
      <c r="EY27" s="312"/>
      <c r="EZ27" s="312"/>
      <c r="FA27" s="312"/>
      <c r="FB27" s="312"/>
      <c r="FC27" s="312"/>
      <c r="FD27" s="312"/>
      <c r="FE27" s="312"/>
      <c r="FF27" s="31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row>
    <row r="28" spans="2:225" ht="6" customHeight="1">
      <c r="B28" s="294"/>
      <c r="C28" s="278" t="s">
        <v>22</v>
      </c>
      <c r="D28" s="278"/>
      <c r="E28" s="278"/>
      <c r="F28" s="278"/>
      <c r="G28" s="278"/>
      <c r="H28" s="278"/>
      <c r="I28" s="278"/>
      <c r="J28" s="278"/>
      <c r="K28" s="278"/>
      <c r="L28" s="278"/>
      <c r="M28" s="278"/>
      <c r="N28" s="278"/>
      <c r="O28" s="278"/>
      <c r="P28" s="278"/>
      <c r="Q28" s="278"/>
      <c r="R28" s="296"/>
      <c r="S28" s="294"/>
      <c r="T28" s="284"/>
      <c r="U28" s="284"/>
      <c r="V28" s="284"/>
      <c r="W28" s="284"/>
      <c r="X28" s="284"/>
      <c r="Y28" s="284"/>
      <c r="Z28" s="284"/>
      <c r="AA28" s="284"/>
      <c r="AB28" s="284"/>
      <c r="AC28" s="284"/>
      <c r="AD28" s="299"/>
      <c r="AE28" s="294"/>
      <c r="AF28" s="284"/>
      <c r="AG28" s="284"/>
      <c r="AH28" s="284"/>
      <c r="AI28" s="284"/>
      <c r="AJ28" s="284"/>
      <c r="AK28" s="284"/>
      <c r="AL28" s="284"/>
      <c r="AM28" s="284"/>
      <c r="AN28" s="284"/>
      <c r="AO28" s="284"/>
      <c r="AP28" s="299"/>
      <c r="AQ28" s="294"/>
      <c r="AR28" s="284"/>
      <c r="AS28" s="284"/>
      <c r="AT28" s="284"/>
      <c r="AU28" s="284"/>
      <c r="AV28" s="284"/>
      <c r="AW28" s="284"/>
      <c r="AX28" s="284"/>
      <c r="AY28" s="284"/>
      <c r="AZ28" s="284"/>
      <c r="BA28" s="284"/>
      <c r="BB28" s="299"/>
      <c r="BD28" s="283"/>
      <c r="BE28" s="284"/>
      <c r="BF28" s="284"/>
      <c r="BG28" s="284"/>
      <c r="BH28" s="284"/>
      <c r="BI28" s="284"/>
      <c r="BJ28" s="284"/>
      <c r="BK28" s="284"/>
      <c r="BL28" s="284"/>
      <c r="BM28" s="284"/>
      <c r="BN28" s="284"/>
      <c r="BO28" s="284"/>
      <c r="BP28" s="284"/>
      <c r="BQ28" s="284"/>
      <c r="BR28" s="284"/>
      <c r="BS28" s="284"/>
      <c r="BT28" s="284"/>
      <c r="BU28" s="284"/>
      <c r="BV28" s="284"/>
      <c r="BW28" s="284"/>
      <c r="BX28" s="284"/>
      <c r="BY28" s="285"/>
      <c r="BZ28" s="2"/>
      <c r="CA28" s="37"/>
      <c r="CB28" s="38"/>
      <c r="CC28" s="289" t="s">
        <v>23</v>
      </c>
      <c r="CD28" s="289"/>
      <c r="CE28" s="289"/>
      <c r="CF28" s="289"/>
      <c r="CG28" s="289"/>
      <c r="CH28" s="289"/>
      <c r="CI28" s="289"/>
      <c r="CJ28" s="289"/>
      <c r="CK28" s="289"/>
      <c r="CL28" s="289"/>
      <c r="CM28" s="289"/>
      <c r="CN28" s="289"/>
      <c r="CO28" s="289"/>
      <c r="CP28" s="289"/>
      <c r="CQ28" s="289"/>
      <c r="CR28" s="289"/>
      <c r="CS28" s="289"/>
      <c r="CT28" s="38"/>
      <c r="CU28" s="39"/>
      <c r="CV28" s="37"/>
      <c r="CW28" s="38"/>
      <c r="CX28" s="289" t="s">
        <v>24</v>
      </c>
      <c r="CY28" s="289"/>
      <c r="CZ28" s="289"/>
      <c r="DA28" s="289"/>
      <c r="DB28" s="289"/>
      <c r="DC28" s="289"/>
      <c r="DD28" s="289"/>
      <c r="DE28" s="289"/>
      <c r="DF28" s="289"/>
      <c r="DG28" s="289"/>
      <c r="DH28" s="289"/>
      <c r="DI28" s="289"/>
      <c r="DJ28" s="289"/>
      <c r="DK28" s="289"/>
      <c r="DL28" s="289"/>
      <c r="DM28" s="289"/>
      <c r="DN28" s="289"/>
      <c r="DO28" s="38"/>
      <c r="DP28" s="39"/>
      <c r="DQ28" s="37"/>
      <c r="DR28" s="38"/>
      <c r="DS28" s="289" t="s">
        <v>25</v>
      </c>
      <c r="DT28" s="289"/>
      <c r="DU28" s="289"/>
      <c r="DV28" s="289"/>
      <c r="DW28" s="289"/>
      <c r="DX28" s="289"/>
      <c r="DY28" s="289"/>
      <c r="DZ28" s="289"/>
      <c r="EA28" s="289"/>
      <c r="EB28" s="289"/>
      <c r="EC28" s="289"/>
      <c r="ED28" s="289"/>
      <c r="EE28" s="289"/>
      <c r="EF28" s="289"/>
      <c r="EG28" s="289"/>
      <c r="EH28" s="289"/>
      <c r="EI28" s="289"/>
      <c r="EJ28" s="38"/>
      <c r="EK28" s="39"/>
      <c r="EL28" s="37"/>
      <c r="EM28" s="291" t="s">
        <v>26</v>
      </c>
      <c r="EN28" s="291"/>
      <c r="EO28" s="291"/>
      <c r="EP28" s="291"/>
      <c r="EQ28" s="291"/>
      <c r="ER28" s="291"/>
      <c r="ES28" s="291"/>
      <c r="ET28" s="291"/>
      <c r="EU28" s="291"/>
      <c r="EV28" s="291"/>
      <c r="EW28" s="291"/>
      <c r="EX28" s="291"/>
      <c r="EY28" s="291"/>
      <c r="EZ28" s="291"/>
      <c r="FA28" s="291"/>
      <c r="FB28" s="291"/>
      <c r="FC28" s="291"/>
      <c r="FD28" s="291"/>
      <c r="FE28" s="291"/>
      <c r="FF28" s="40"/>
      <c r="FG28" s="41"/>
      <c r="FH28" s="291" t="s">
        <v>27</v>
      </c>
      <c r="FI28" s="291"/>
      <c r="FJ28" s="291"/>
      <c r="FK28" s="291"/>
      <c r="FL28" s="291"/>
      <c r="FM28" s="291"/>
      <c r="FN28" s="291"/>
      <c r="FO28" s="291"/>
      <c r="FP28" s="291"/>
      <c r="FQ28" s="291"/>
      <c r="FR28" s="291"/>
      <c r="FS28" s="291"/>
      <c r="FT28" s="291"/>
      <c r="FU28" s="291"/>
      <c r="FV28" s="291"/>
      <c r="FW28" s="291"/>
      <c r="FX28" s="291"/>
      <c r="FY28" s="291"/>
      <c r="FZ28" s="291"/>
      <c r="GA28" s="39"/>
      <c r="GB28" s="37"/>
      <c r="GC28" s="38"/>
      <c r="GD28" s="289" t="s">
        <v>28</v>
      </c>
      <c r="GE28" s="289"/>
      <c r="GF28" s="289"/>
      <c r="GG28" s="289"/>
      <c r="GH28" s="289"/>
      <c r="GI28" s="289"/>
      <c r="GJ28" s="289"/>
      <c r="GK28" s="289"/>
      <c r="GL28" s="289"/>
      <c r="GM28" s="289"/>
      <c r="GN28" s="289"/>
      <c r="GO28" s="289"/>
      <c r="GP28" s="289"/>
      <c r="GQ28" s="289"/>
      <c r="GR28" s="289"/>
      <c r="GS28" s="289"/>
      <c r="GT28" s="289"/>
      <c r="GU28" s="38"/>
      <c r="GV28" s="39"/>
      <c r="GW28" s="37"/>
      <c r="GX28" s="38"/>
      <c r="GY28" s="289" t="s">
        <v>29</v>
      </c>
      <c r="GZ28" s="289"/>
      <c r="HA28" s="289"/>
      <c r="HB28" s="289"/>
      <c r="HC28" s="289"/>
      <c r="HD28" s="289"/>
      <c r="HE28" s="289"/>
      <c r="HF28" s="289"/>
      <c r="HG28" s="289"/>
      <c r="HH28" s="289"/>
      <c r="HI28" s="289"/>
      <c r="HJ28" s="289"/>
      <c r="HK28" s="289"/>
      <c r="HL28" s="289"/>
      <c r="HM28" s="289"/>
      <c r="HN28" s="289"/>
      <c r="HO28" s="289"/>
      <c r="HP28" s="38"/>
      <c r="HQ28" s="39"/>
    </row>
    <row r="29" spans="2:225" ht="6" customHeight="1">
      <c r="B29" s="294"/>
      <c r="C29" s="278"/>
      <c r="D29" s="278"/>
      <c r="E29" s="278"/>
      <c r="F29" s="278"/>
      <c r="G29" s="278"/>
      <c r="H29" s="278"/>
      <c r="I29" s="278"/>
      <c r="J29" s="278"/>
      <c r="K29" s="278"/>
      <c r="L29" s="278"/>
      <c r="M29" s="278"/>
      <c r="N29" s="278"/>
      <c r="O29" s="278"/>
      <c r="P29" s="278"/>
      <c r="Q29" s="278"/>
      <c r="R29" s="296"/>
      <c r="S29" s="297"/>
      <c r="T29" s="287"/>
      <c r="U29" s="287"/>
      <c r="V29" s="287"/>
      <c r="W29" s="287"/>
      <c r="X29" s="287"/>
      <c r="Y29" s="287"/>
      <c r="Z29" s="287"/>
      <c r="AA29" s="287"/>
      <c r="AB29" s="287"/>
      <c r="AC29" s="287"/>
      <c r="AD29" s="300"/>
      <c r="AE29" s="297"/>
      <c r="AF29" s="287"/>
      <c r="AG29" s="287"/>
      <c r="AH29" s="287"/>
      <c r="AI29" s="287"/>
      <c r="AJ29" s="287"/>
      <c r="AK29" s="287"/>
      <c r="AL29" s="287"/>
      <c r="AM29" s="287"/>
      <c r="AN29" s="287"/>
      <c r="AO29" s="287"/>
      <c r="AP29" s="300"/>
      <c r="AQ29" s="297"/>
      <c r="AR29" s="287"/>
      <c r="AS29" s="287"/>
      <c r="AT29" s="287"/>
      <c r="AU29" s="287"/>
      <c r="AV29" s="287"/>
      <c r="AW29" s="287"/>
      <c r="AX29" s="287"/>
      <c r="AY29" s="287"/>
      <c r="AZ29" s="287"/>
      <c r="BA29" s="287"/>
      <c r="BB29" s="300"/>
      <c r="BC29" s="42"/>
      <c r="BD29" s="286"/>
      <c r="BE29" s="287"/>
      <c r="BF29" s="287"/>
      <c r="BG29" s="287"/>
      <c r="BH29" s="287"/>
      <c r="BI29" s="287"/>
      <c r="BJ29" s="287"/>
      <c r="BK29" s="287"/>
      <c r="BL29" s="287"/>
      <c r="BM29" s="287"/>
      <c r="BN29" s="287"/>
      <c r="BO29" s="287"/>
      <c r="BP29" s="287"/>
      <c r="BQ29" s="287"/>
      <c r="BR29" s="287"/>
      <c r="BS29" s="287"/>
      <c r="BT29" s="287"/>
      <c r="BU29" s="287"/>
      <c r="BV29" s="287"/>
      <c r="BW29" s="287"/>
      <c r="BX29" s="287"/>
      <c r="BY29" s="288"/>
      <c r="BZ29" s="43"/>
      <c r="CA29" s="44"/>
      <c r="CB29" s="45"/>
      <c r="CC29" s="290"/>
      <c r="CD29" s="290"/>
      <c r="CE29" s="290"/>
      <c r="CF29" s="290"/>
      <c r="CG29" s="290"/>
      <c r="CH29" s="290"/>
      <c r="CI29" s="290"/>
      <c r="CJ29" s="290"/>
      <c r="CK29" s="290"/>
      <c r="CL29" s="290"/>
      <c r="CM29" s="290"/>
      <c r="CN29" s="290"/>
      <c r="CO29" s="290"/>
      <c r="CP29" s="290"/>
      <c r="CQ29" s="290"/>
      <c r="CR29" s="290"/>
      <c r="CS29" s="290"/>
      <c r="CT29" s="46"/>
      <c r="CU29" s="47"/>
      <c r="CV29" s="44"/>
      <c r="CW29" s="45"/>
      <c r="CX29" s="290"/>
      <c r="CY29" s="290"/>
      <c r="CZ29" s="290"/>
      <c r="DA29" s="290"/>
      <c r="DB29" s="290"/>
      <c r="DC29" s="290"/>
      <c r="DD29" s="290"/>
      <c r="DE29" s="290"/>
      <c r="DF29" s="290"/>
      <c r="DG29" s="290"/>
      <c r="DH29" s="290"/>
      <c r="DI29" s="290"/>
      <c r="DJ29" s="290"/>
      <c r="DK29" s="290"/>
      <c r="DL29" s="290"/>
      <c r="DM29" s="290"/>
      <c r="DN29" s="290"/>
      <c r="DO29" s="46"/>
      <c r="DP29" s="47"/>
      <c r="DQ29" s="44"/>
      <c r="DR29" s="45"/>
      <c r="DS29" s="290"/>
      <c r="DT29" s="290"/>
      <c r="DU29" s="290"/>
      <c r="DV29" s="290"/>
      <c r="DW29" s="290"/>
      <c r="DX29" s="290"/>
      <c r="DY29" s="290"/>
      <c r="DZ29" s="290"/>
      <c r="EA29" s="290"/>
      <c r="EB29" s="290"/>
      <c r="EC29" s="290"/>
      <c r="ED29" s="290"/>
      <c r="EE29" s="290"/>
      <c r="EF29" s="290"/>
      <c r="EG29" s="290"/>
      <c r="EH29" s="290"/>
      <c r="EI29" s="290"/>
      <c r="EJ29" s="46"/>
      <c r="EK29" s="47"/>
      <c r="EL29" s="44"/>
      <c r="EM29" s="292"/>
      <c r="EN29" s="292"/>
      <c r="EO29" s="292"/>
      <c r="EP29" s="292"/>
      <c r="EQ29" s="292"/>
      <c r="ER29" s="292"/>
      <c r="ES29" s="292"/>
      <c r="ET29" s="292"/>
      <c r="EU29" s="292"/>
      <c r="EV29" s="292"/>
      <c r="EW29" s="292"/>
      <c r="EX29" s="292"/>
      <c r="EY29" s="292"/>
      <c r="EZ29" s="292"/>
      <c r="FA29" s="292"/>
      <c r="FB29" s="292"/>
      <c r="FC29" s="292"/>
      <c r="FD29" s="292"/>
      <c r="FE29" s="292"/>
      <c r="FF29" s="47"/>
      <c r="FG29" s="44"/>
      <c r="FH29" s="292"/>
      <c r="FI29" s="292"/>
      <c r="FJ29" s="292"/>
      <c r="FK29" s="292"/>
      <c r="FL29" s="292"/>
      <c r="FM29" s="292"/>
      <c r="FN29" s="292"/>
      <c r="FO29" s="292"/>
      <c r="FP29" s="292"/>
      <c r="FQ29" s="292"/>
      <c r="FR29" s="292"/>
      <c r="FS29" s="292"/>
      <c r="FT29" s="292"/>
      <c r="FU29" s="292"/>
      <c r="FV29" s="292"/>
      <c r="FW29" s="292"/>
      <c r="FX29" s="292"/>
      <c r="FY29" s="292"/>
      <c r="FZ29" s="292"/>
      <c r="GA29" s="47"/>
      <c r="GB29" s="44"/>
      <c r="GC29" s="45"/>
      <c r="GD29" s="290"/>
      <c r="GE29" s="290"/>
      <c r="GF29" s="290"/>
      <c r="GG29" s="290"/>
      <c r="GH29" s="290"/>
      <c r="GI29" s="290"/>
      <c r="GJ29" s="290"/>
      <c r="GK29" s="290"/>
      <c r="GL29" s="290"/>
      <c r="GM29" s="290"/>
      <c r="GN29" s="290"/>
      <c r="GO29" s="290"/>
      <c r="GP29" s="290"/>
      <c r="GQ29" s="290"/>
      <c r="GR29" s="290"/>
      <c r="GS29" s="290"/>
      <c r="GT29" s="290"/>
      <c r="GU29" s="46"/>
      <c r="GV29" s="47"/>
      <c r="GW29" s="44"/>
      <c r="GX29" s="45"/>
      <c r="GY29" s="290"/>
      <c r="GZ29" s="290"/>
      <c r="HA29" s="290"/>
      <c r="HB29" s="290"/>
      <c r="HC29" s="290"/>
      <c r="HD29" s="290"/>
      <c r="HE29" s="290"/>
      <c r="HF29" s="290"/>
      <c r="HG29" s="290"/>
      <c r="HH29" s="290"/>
      <c r="HI29" s="290"/>
      <c r="HJ29" s="290"/>
      <c r="HK29" s="290"/>
      <c r="HL29" s="290"/>
      <c r="HM29" s="290"/>
      <c r="HN29" s="290"/>
      <c r="HO29" s="290"/>
      <c r="HP29" s="46"/>
      <c r="HQ29" s="47"/>
    </row>
    <row r="30" spans="2:225" ht="6" customHeight="1">
      <c r="B30" s="294"/>
      <c r="C30" s="278"/>
      <c r="D30" s="278"/>
      <c r="E30" s="278"/>
      <c r="F30" s="278"/>
      <c r="G30" s="278"/>
      <c r="H30" s="278"/>
      <c r="I30" s="278"/>
      <c r="J30" s="278"/>
      <c r="K30" s="278"/>
      <c r="L30" s="278"/>
      <c r="M30" s="278"/>
      <c r="N30" s="278"/>
      <c r="O30" s="278"/>
      <c r="P30" s="278"/>
      <c r="Q30" s="278"/>
      <c r="R30" s="296"/>
      <c r="S30" s="248"/>
      <c r="T30" s="249"/>
      <c r="U30" s="249"/>
      <c r="V30" s="249"/>
      <c r="W30" s="249"/>
      <c r="X30" s="249"/>
      <c r="Y30" s="249"/>
      <c r="Z30" s="249"/>
      <c r="AA30" s="249"/>
      <c r="AB30" s="249"/>
      <c r="AC30" s="249"/>
      <c r="AD30" s="249"/>
      <c r="AE30" s="248"/>
      <c r="AF30" s="249"/>
      <c r="AG30" s="249"/>
      <c r="AH30" s="249"/>
      <c r="AI30" s="249"/>
      <c r="AJ30" s="249"/>
      <c r="AK30" s="249"/>
      <c r="AL30" s="249"/>
      <c r="AM30" s="249"/>
      <c r="AN30" s="249"/>
      <c r="AO30" s="249"/>
      <c r="AP30" s="249"/>
      <c r="AQ30" s="248"/>
      <c r="AR30" s="249"/>
      <c r="AS30" s="249"/>
      <c r="AT30" s="249"/>
      <c r="AU30" s="249"/>
      <c r="AV30" s="249"/>
      <c r="AW30" s="249"/>
      <c r="AX30" s="249"/>
      <c r="AY30" s="249"/>
      <c r="AZ30" s="249"/>
      <c r="BA30" s="249"/>
      <c r="BB30" s="254"/>
      <c r="BC30" s="48"/>
      <c r="BD30" s="302"/>
      <c r="BE30" s="303"/>
      <c r="BF30" s="303"/>
      <c r="BG30" s="303"/>
      <c r="BH30" s="303"/>
      <c r="BI30" s="303"/>
      <c r="BJ30" s="303"/>
      <c r="BK30" s="303"/>
      <c r="BL30" s="303"/>
      <c r="BM30" s="303"/>
      <c r="BN30" s="303"/>
      <c r="BO30" s="303"/>
      <c r="BP30" s="303"/>
      <c r="BQ30" s="303"/>
      <c r="BR30" s="303"/>
      <c r="BS30" s="303"/>
      <c r="BT30" s="303"/>
      <c r="BU30" s="303"/>
      <c r="BV30" s="303"/>
      <c r="BW30" s="303"/>
      <c r="BX30" s="303"/>
      <c r="BY30" s="304"/>
      <c r="BZ30" s="43"/>
      <c r="CA30" s="266" t="s">
        <v>30</v>
      </c>
      <c r="CB30" s="267"/>
      <c r="CC30" s="267"/>
      <c r="CD30" s="267"/>
      <c r="CE30" s="267"/>
      <c r="CF30" s="267"/>
      <c r="CG30" s="267"/>
      <c r="CH30" s="267"/>
      <c r="CI30" s="267"/>
      <c r="CJ30" s="267"/>
      <c r="CK30" s="267"/>
      <c r="CL30" s="267"/>
      <c r="CM30" s="267"/>
      <c r="CN30" s="267"/>
      <c r="CO30" s="267"/>
      <c r="CP30" s="267"/>
      <c r="CQ30" s="267"/>
      <c r="CR30" s="267"/>
      <c r="CS30" s="267"/>
      <c r="CT30" s="267"/>
      <c r="CU30" s="268"/>
      <c r="CV30" s="266" t="s">
        <v>31</v>
      </c>
      <c r="CW30" s="267"/>
      <c r="CX30" s="267"/>
      <c r="CY30" s="267"/>
      <c r="CZ30" s="267"/>
      <c r="DA30" s="267"/>
      <c r="DB30" s="267"/>
      <c r="DC30" s="267"/>
      <c r="DD30" s="267"/>
      <c r="DE30" s="267"/>
      <c r="DF30" s="267"/>
      <c r="DG30" s="267"/>
      <c r="DH30" s="267"/>
      <c r="DI30" s="267"/>
      <c r="DJ30" s="267"/>
      <c r="DK30" s="267"/>
      <c r="DL30" s="267"/>
      <c r="DM30" s="267"/>
      <c r="DN30" s="267"/>
      <c r="DO30" s="267"/>
      <c r="DP30" s="268"/>
      <c r="DQ30" s="266" t="s">
        <v>32</v>
      </c>
      <c r="DR30" s="267"/>
      <c r="DS30" s="267"/>
      <c r="DT30" s="267"/>
      <c r="DU30" s="267"/>
      <c r="DV30" s="267"/>
      <c r="DW30" s="267"/>
      <c r="DX30" s="267"/>
      <c r="DY30" s="267"/>
      <c r="DZ30" s="267"/>
      <c r="EA30" s="267"/>
      <c r="EB30" s="267"/>
      <c r="EC30" s="267"/>
      <c r="ED30" s="267"/>
      <c r="EE30" s="267"/>
      <c r="EF30" s="267"/>
      <c r="EG30" s="267"/>
      <c r="EH30" s="267"/>
      <c r="EI30" s="267"/>
      <c r="EJ30" s="267"/>
      <c r="EK30" s="268"/>
      <c r="EL30" s="266" t="s">
        <v>33</v>
      </c>
      <c r="EM30" s="267"/>
      <c r="EN30" s="267"/>
      <c r="EO30" s="267"/>
      <c r="EP30" s="267"/>
      <c r="EQ30" s="267"/>
      <c r="ER30" s="267"/>
      <c r="ES30" s="267"/>
      <c r="ET30" s="267"/>
      <c r="EU30" s="267"/>
      <c r="EV30" s="267"/>
      <c r="EW30" s="267"/>
      <c r="EX30" s="267"/>
      <c r="EY30" s="267"/>
      <c r="EZ30" s="267"/>
      <c r="FA30" s="267"/>
      <c r="FB30" s="267"/>
      <c r="FC30" s="267"/>
      <c r="FD30" s="267"/>
      <c r="FE30" s="267"/>
      <c r="FF30" s="268"/>
      <c r="FG30" s="266" t="s">
        <v>34</v>
      </c>
      <c r="FH30" s="267"/>
      <c r="FI30" s="267"/>
      <c r="FJ30" s="267"/>
      <c r="FK30" s="267"/>
      <c r="FL30" s="267"/>
      <c r="FM30" s="267"/>
      <c r="FN30" s="267"/>
      <c r="FO30" s="267"/>
      <c r="FP30" s="267"/>
      <c r="FQ30" s="267"/>
      <c r="FR30" s="267"/>
      <c r="FS30" s="267"/>
      <c r="FT30" s="267"/>
      <c r="FU30" s="267"/>
      <c r="FV30" s="267"/>
      <c r="FW30" s="267"/>
      <c r="FX30" s="267"/>
      <c r="FY30" s="267"/>
      <c r="FZ30" s="267"/>
      <c r="GA30" s="268"/>
      <c r="GB30" s="266" t="s">
        <v>35</v>
      </c>
      <c r="GC30" s="267"/>
      <c r="GD30" s="267"/>
      <c r="GE30" s="267"/>
      <c r="GF30" s="267"/>
      <c r="GG30" s="267"/>
      <c r="GH30" s="267"/>
      <c r="GI30" s="267"/>
      <c r="GJ30" s="267"/>
      <c r="GK30" s="267"/>
      <c r="GL30" s="267"/>
      <c r="GM30" s="267"/>
      <c r="GN30" s="267"/>
      <c r="GO30" s="267"/>
      <c r="GP30" s="267"/>
      <c r="GQ30" s="267"/>
      <c r="GR30" s="267"/>
      <c r="GS30" s="267"/>
      <c r="GT30" s="267"/>
      <c r="GU30" s="267"/>
      <c r="GV30" s="268"/>
      <c r="GW30" s="266" t="s">
        <v>36</v>
      </c>
      <c r="GX30" s="267"/>
      <c r="GY30" s="267"/>
      <c r="GZ30" s="267"/>
      <c r="HA30" s="267"/>
      <c r="HB30" s="267"/>
      <c r="HC30" s="267"/>
      <c r="HD30" s="267"/>
      <c r="HE30" s="267"/>
      <c r="HF30" s="267"/>
      <c r="HG30" s="267"/>
      <c r="HH30" s="267"/>
      <c r="HI30" s="267"/>
      <c r="HJ30" s="267"/>
      <c r="HK30" s="267"/>
      <c r="HL30" s="267"/>
      <c r="HM30" s="267"/>
      <c r="HN30" s="267"/>
      <c r="HO30" s="267"/>
      <c r="HP30" s="267"/>
      <c r="HQ30" s="268"/>
    </row>
    <row r="31" spans="2:225" ht="6" customHeight="1">
      <c r="B31" s="294"/>
      <c r="C31" s="301" t="s">
        <v>37</v>
      </c>
      <c r="D31" s="301"/>
      <c r="E31" s="301"/>
      <c r="F31" s="301"/>
      <c r="G31" s="301"/>
      <c r="H31" s="301"/>
      <c r="I31" s="301"/>
      <c r="J31" s="301"/>
      <c r="K31" s="301"/>
      <c r="L31" s="301"/>
      <c r="M31" s="301"/>
      <c r="N31" s="301"/>
      <c r="O31" s="301"/>
      <c r="P31" s="301"/>
      <c r="Q31" s="301"/>
      <c r="R31" s="296"/>
      <c r="S31" s="250"/>
      <c r="T31" s="251"/>
      <c r="U31" s="251"/>
      <c r="V31" s="251"/>
      <c r="W31" s="251"/>
      <c r="X31" s="251"/>
      <c r="Y31" s="251"/>
      <c r="Z31" s="251"/>
      <c r="AA31" s="251"/>
      <c r="AB31" s="251"/>
      <c r="AC31" s="251"/>
      <c r="AD31" s="251"/>
      <c r="AE31" s="250"/>
      <c r="AF31" s="251"/>
      <c r="AG31" s="251"/>
      <c r="AH31" s="251"/>
      <c r="AI31" s="251"/>
      <c r="AJ31" s="251"/>
      <c r="AK31" s="251"/>
      <c r="AL31" s="251"/>
      <c r="AM31" s="251"/>
      <c r="AN31" s="251"/>
      <c r="AO31" s="251"/>
      <c r="AP31" s="251"/>
      <c r="AQ31" s="250"/>
      <c r="AR31" s="251"/>
      <c r="AS31" s="251"/>
      <c r="AT31" s="251"/>
      <c r="AU31" s="251"/>
      <c r="AV31" s="251"/>
      <c r="AW31" s="251"/>
      <c r="AX31" s="251"/>
      <c r="AY31" s="251"/>
      <c r="AZ31" s="251"/>
      <c r="BA31" s="251"/>
      <c r="BB31" s="255"/>
      <c r="BC31" s="48"/>
      <c r="BD31" s="305"/>
      <c r="BE31" s="306"/>
      <c r="BF31" s="306"/>
      <c r="BG31" s="306"/>
      <c r="BH31" s="306"/>
      <c r="BI31" s="306"/>
      <c r="BJ31" s="306"/>
      <c r="BK31" s="306"/>
      <c r="BL31" s="306"/>
      <c r="BM31" s="306"/>
      <c r="BN31" s="306"/>
      <c r="BO31" s="306"/>
      <c r="BP31" s="306"/>
      <c r="BQ31" s="306"/>
      <c r="BR31" s="306"/>
      <c r="BS31" s="306"/>
      <c r="BT31" s="306"/>
      <c r="BU31" s="306"/>
      <c r="BV31" s="306"/>
      <c r="BW31" s="306"/>
      <c r="BX31" s="306"/>
      <c r="BY31" s="307"/>
      <c r="BZ31" s="2"/>
      <c r="CA31" s="269"/>
      <c r="CB31" s="270"/>
      <c r="CC31" s="270"/>
      <c r="CD31" s="270"/>
      <c r="CE31" s="270"/>
      <c r="CF31" s="270"/>
      <c r="CG31" s="270"/>
      <c r="CH31" s="270"/>
      <c r="CI31" s="270"/>
      <c r="CJ31" s="270"/>
      <c r="CK31" s="270"/>
      <c r="CL31" s="270"/>
      <c r="CM31" s="270"/>
      <c r="CN31" s="270"/>
      <c r="CO31" s="270"/>
      <c r="CP31" s="270"/>
      <c r="CQ31" s="270"/>
      <c r="CR31" s="270"/>
      <c r="CS31" s="270"/>
      <c r="CT31" s="270"/>
      <c r="CU31" s="271"/>
      <c r="CV31" s="269"/>
      <c r="CW31" s="270"/>
      <c r="CX31" s="270"/>
      <c r="CY31" s="270"/>
      <c r="CZ31" s="270"/>
      <c r="DA31" s="270"/>
      <c r="DB31" s="270"/>
      <c r="DC31" s="270"/>
      <c r="DD31" s="270"/>
      <c r="DE31" s="270"/>
      <c r="DF31" s="270"/>
      <c r="DG31" s="270"/>
      <c r="DH31" s="270"/>
      <c r="DI31" s="270"/>
      <c r="DJ31" s="270"/>
      <c r="DK31" s="270"/>
      <c r="DL31" s="270"/>
      <c r="DM31" s="270"/>
      <c r="DN31" s="270"/>
      <c r="DO31" s="270"/>
      <c r="DP31" s="271"/>
      <c r="DQ31" s="269"/>
      <c r="DR31" s="270"/>
      <c r="DS31" s="270"/>
      <c r="DT31" s="270"/>
      <c r="DU31" s="270"/>
      <c r="DV31" s="270"/>
      <c r="DW31" s="270"/>
      <c r="DX31" s="270"/>
      <c r="DY31" s="270"/>
      <c r="DZ31" s="270"/>
      <c r="EA31" s="270"/>
      <c r="EB31" s="270"/>
      <c r="EC31" s="270"/>
      <c r="ED31" s="270"/>
      <c r="EE31" s="270"/>
      <c r="EF31" s="270"/>
      <c r="EG31" s="270"/>
      <c r="EH31" s="270"/>
      <c r="EI31" s="270"/>
      <c r="EJ31" s="270"/>
      <c r="EK31" s="271"/>
      <c r="EL31" s="269"/>
      <c r="EM31" s="270"/>
      <c r="EN31" s="270"/>
      <c r="EO31" s="270"/>
      <c r="EP31" s="270"/>
      <c r="EQ31" s="270"/>
      <c r="ER31" s="270"/>
      <c r="ES31" s="270"/>
      <c r="ET31" s="270"/>
      <c r="EU31" s="270"/>
      <c r="EV31" s="270"/>
      <c r="EW31" s="270"/>
      <c r="EX31" s="270"/>
      <c r="EY31" s="270"/>
      <c r="EZ31" s="270"/>
      <c r="FA31" s="270"/>
      <c r="FB31" s="270"/>
      <c r="FC31" s="270"/>
      <c r="FD31" s="270"/>
      <c r="FE31" s="270"/>
      <c r="FF31" s="271"/>
      <c r="FG31" s="269"/>
      <c r="FH31" s="270"/>
      <c r="FI31" s="270"/>
      <c r="FJ31" s="270"/>
      <c r="FK31" s="270"/>
      <c r="FL31" s="270"/>
      <c r="FM31" s="270"/>
      <c r="FN31" s="270"/>
      <c r="FO31" s="270"/>
      <c r="FP31" s="270"/>
      <c r="FQ31" s="270"/>
      <c r="FR31" s="270"/>
      <c r="FS31" s="270"/>
      <c r="FT31" s="270"/>
      <c r="FU31" s="270"/>
      <c r="FV31" s="270"/>
      <c r="FW31" s="270"/>
      <c r="FX31" s="270"/>
      <c r="FY31" s="270"/>
      <c r="FZ31" s="270"/>
      <c r="GA31" s="271"/>
      <c r="GB31" s="269"/>
      <c r="GC31" s="270"/>
      <c r="GD31" s="270"/>
      <c r="GE31" s="270"/>
      <c r="GF31" s="270"/>
      <c r="GG31" s="270"/>
      <c r="GH31" s="270"/>
      <c r="GI31" s="270"/>
      <c r="GJ31" s="270"/>
      <c r="GK31" s="270"/>
      <c r="GL31" s="270"/>
      <c r="GM31" s="270"/>
      <c r="GN31" s="270"/>
      <c r="GO31" s="270"/>
      <c r="GP31" s="270"/>
      <c r="GQ31" s="270"/>
      <c r="GR31" s="270"/>
      <c r="GS31" s="270"/>
      <c r="GT31" s="270"/>
      <c r="GU31" s="270"/>
      <c r="GV31" s="271"/>
      <c r="GW31" s="269"/>
      <c r="GX31" s="270"/>
      <c r="GY31" s="270"/>
      <c r="GZ31" s="270"/>
      <c r="HA31" s="270"/>
      <c r="HB31" s="270"/>
      <c r="HC31" s="270"/>
      <c r="HD31" s="270"/>
      <c r="HE31" s="270"/>
      <c r="HF31" s="270"/>
      <c r="HG31" s="270"/>
      <c r="HH31" s="270"/>
      <c r="HI31" s="270"/>
      <c r="HJ31" s="270"/>
      <c r="HK31" s="270"/>
      <c r="HL31" s="270"/>
      <c r="HM31" s="270"/>
      <c r="HN31" s="270"/>
      <c r="HO31" s="270"/>
      <c r="HP31" s="270"/>
      <c r="HQ31" s="271"/>
    </row>
    <row r="32" spans="2:225" ht="6" customHeight="1">
      <c r="B32" s="49"/>
      <c r="C32" s="301"/>
      <c r="D32" s="301"/>
      <c r="E32" s="301"/>
      <c r="F32" s="301"/>
      <c r="G32" s="301"/>
      <c r="H32" s="301"/>
      <c r="I32" s="301"/>
      <c r="J32" s="301"/>
      <c r="K32" s="301"/>
      <c r="L32" s="301"/>
      <c r="M32" s="301"/>
      <c r="N32" s="301"/>
      <c r="O32" s="301"/>
      <c r="P32" s="301"/>
      <c r="Q32" s="301"/>
      <c r="R32" s="50"/>
      <c r="S32" s="250"/>
      <c r="T32" s="251"/>
      <c r="U32" s="251"/>
      <c r="V32" s="251"/>
      <c r="W32" s="251"/>
      <c r="X32" s="251"/>
      <c r="Y32" s="251"/>
      <c r="Z32" s="251"/>
      <c r="AA32" s="251"/>
      <c r="AB32" s="251"/>
      <c r="AC32" s="251"/>
      <c r="AD32" s="251"/>
      <c r="AE32" s="250"/>
      <c r="AF32" s="251"/>
      <c r="AG32" s="251"/>
      <c r="AH32" s="251"/>
      <c r="AI32" s="251"/>
      <c r="AJ32" s="251"/>
      <c r="AK32" s="251"/>
      <c r="AL32" s="251"/>
      <c r="AM32" s="251"/>
      <c r="AN32" s="251"/>
      <c r="AO32" s="251"/>
      <c r="AP32" s="251"/>
      <c r="AQ32" s="250"/>
      <c r="AR32" s="251"/>
      <c r="AS32" s="251"/>
      <c r="AT32" s="251"/>
      <c r="AU32" s="251"/>
      <c r="AV32" s="251"/>
      <c r="AW32" s="251"/>
      <c r="AX32" s="251"/>
      <c r="AY32" s="251"/>
      <c r="AZ32" s="251"/>
      <c r="BA32" s="251"/>
      <c r="BB32" s="255"/>
      <c r="BC32" s="48"/>
      <c r="BD32" s="305"/>
      <c r="BE32" s="306"/>
      <c r="BF32" s="306"/>
      <c r="BG32" s="306"/>
      <c r="BH32" s="306"/>
      <c r="BI32" s="306"/>
      <c r="BJ32" s="306"/>
      <c r="BK32" s="306"/>
      <c r="BL32" s="306"/>
      <c r="BM32" s="306"/>
      <c r="BN32" s="306"/>
      <c r="BO32" s="306"/>
      <c r="BP32" s="306"/>
      <c r="BQ32" s="306"/>
      <c r="BR32" s="306"/>
      <c r="BS32" s="306"/>
      <c r="BT32" s="306"/>
      <c r="BU32" s="306"/>
      <c r="BV32" s="306"/>
      <c r="BW32" s="306"/>
      <c r="BX32" s="306"/>
      <c r="BY32" s="307"/>
      <c r="BZ32" s="2"/>
      <c r="CA32" s="272">
        <f>SUM(CI39:DH62)</f>
        <v>0</v>
      </c>
      <c r="CB32" s="273"/>
      <c r="CC32" s="273"/>
      <c r="CD32" s="273"/>
      <c r="CE32" s="273"/>
      <c r="CF32" s="273"/>
      <c r="CG32" s="273"/>
      <c r="CH32" s="273"/>
      <c r="CI32" s="273"/>
      <c r="CJ32" s="273"/>
      <c r="CK32" s="273"/>
      <c r="CL32" s="273"/>
      <c r="CM32" s="273"/>
      <c r="CN32" s="273"/>
      <c r="CO32" s="273"/>
      <c r="CP32" s="273"/>
      <c r="CQ32" s="273"/>
      <c r="CR32" s="273"/>
      <c r="CS32" s="273"/>
      <c r="CT32" s="273"/>
      <c r="CU32" s="274"/>
      <c r="CV32" s="272"/>
      <c r="CW32" s="273"/>
      <c r="CX32" s="273"/>
      <c r="CY32" s="273"/>
      <c r="CZ32" s="273"/>
      <c r="DA32" s="273"/>
      <c r="DB32" s="273"/>
      <c r="DC32" s="273"/>
      <c r="DD32" s="273"/>
      <c r="DE32" s="273"/>
      <c r="DF32" s="273"/>
      <c r="DG32" s="273"/>
      <c r="DH32" s="273"/>
      <c r="DI32" s="273"/>
      <c r="DJ32" s="273"/>
      <c r="DK32" s="273"/>
      <c r="DL32" s="273"/>
      <c r="DM32" s="273"/>
      <c r="DN32" s="273"/>
      <c r="DO32" s="273"/>
      <c r="DP32" s="274"/>
      <c r="DQ32" s="272">
        <f>CA32+CV32</f>
        <v>0</v>
      </c>
      <c r="DR32" s="273"/>
      <c r="DS32" s="273"/>
      <c r="DT32" s="273"/>
      <c r="DU32" s="273"/>
      <c r="DV32" s="273"/>
      <c r="DW32" s="273"/>
      <c r="DX32" s="273"/>
      <c r="DY32" s="273"/>
      <c r="DZ32" s="273"/>
      <c r="EA32" s="273"/>
      <c r="EB32" s="273"/>
      <c r="EC32" s="273"/>
      <c r="ED32" s="273"/>
      <c r="EE32" s="273"/>
      <c r="EF32" s="273"/>
      <c r="EG32" s="273"/>
      <c r="EH32" s="273"/>
      <c r="EI32" s="273"/>
      <c r="EJ32" s="273"/>
      <c r="EK32" s="274"/>
      <c r="EL32" s="272">
        <f>SUM(FN39:GO62)</f>
        <v>0</v>
      </c>
      <c r="EM32" s="273"/>
      <c r="EN32" s="273"/>
      <c r="EO32" s="273"/>
      <c r="EP32" s="273"/>
      <c r="EQ32" s="273"/>
      <c r="ER32" s="273"/>
      <c r="ES32" s="273"/>
      <c r="ET32" s="273"/>
      <c r="EU32" s="273"/>
      <c r="EV32" s="273"/>
      <c r="EW32" s="273"/>
      <c r="EX32" s="273"/>
      <c r="EY32" s="273"/>
      <c r="EZ32" s="273"/>
      <c r="FA32" s="273"/>
      <c r="FB32" s="273"/>
      <c r="FC32" s="273"/>
      <c r="FD32" s="273"/>
      <c r="FE32" s="273"/>
      <c r="FF32" s="274"/>
      <c r="FG32" s="272">
        <f>SUM(GP39:HQ62)</f>
        <v>0</v>
      </c>
      <c r="FH32" s="273"/>
      <c r="FI32" s="273"/>
      <c r="FJ32" s="273"/>
      <c r="FK32" s="273"/>
      <c r="FL32" s="273"/>
      <c r="FM32" s="273"/>
      <c r="FN32" s="273"/>
      <c r="FO32" s="273"/>
      <c r="FP32" s="273"/>
      <c r="FQ32" s="273"/>
      <c r="FR32" s="273"/>
      <c r="FS32" s="273"/>
      <c r="FT32" s="273"/>
      <c r="FU32" s="273"/>
      <c r="FV32" s="273"/>
      <c r="FW32" s="273"/>
      <c r="FX32" s="273"/>
      <c r="FY32" s="273"/>
      <c r="FZ32" s="273"/>
      <c r="GA32" s="274"/>
      <c r="GB32" s="272">
        <f>FN63-FN67</f>
        <v>0</v>
      </c>
      <c r="GC32" s="273"/>
      <c r="GD32" s="273"/>
      <c r="GE32" s="273"/>
      <c r="GF32" s="273"/>
      <c r="GG32" s="273"/>
      <c r="GH32" s="273"/>
      <c r="GI32" s="273"/>
      <c r="GJ32" s="273"/>
      <c r="GK32" s="273"/>
      <c r="GL32" s="273"/>
      <c r="GM32" s="273"/>
      <c r="GN32" s="273"/>
      <c r="GO32" s="273"/>
      <c r="GP32" s="273"/>
      <c r="GQ32" s="273"/>
      <c r="GR32" s="273"/>
      <c r="GS32" s="273"/>
      <c r="GT32" s="273"/>
      <c r="GU32" s="273"/>
      <c r="GV32" s="274"/>
      <c r="GW32" s="272">
        <f>CA32-EL32</f>
        <v>0</v>
      </c>
      <c r="GX32" s="273"/>
      <c r="GY32" s="273"/>
      <c r="GZ32" s="273"/>
      <c r="HA32" s="273"/>
      <c r="HB32" s="273"/>
      <c r="HC32" s="273"/>
      <c r="HD32" s="273"/>
      <c r="HE32" s="273"/>
      <c r="HF32" s="273"/>
      <c r="HG32" s="273"/>
      <c r="HH32" s="273"/>
      <c r="HI32" s="273"/>
      <c r="HJ32" s="273"/>
      <c r="HK32" s="273"/>
      <c r="HL32" s="273"/>
      <c r="HM32" s="273"/>
      <c r="HN32" s="273"/>
      <c r="HO32" s="273"/>
      <c r="HP32" s="273"/>
      <c r="HQ32" s="274"/>
    </row>
    <row r="33" spans="2:225" ht="6" customHeight="1">
      <c r="B33" s="49"/>
      <c r="C33" s="301"/>
      <c r="D33" s="301"/>
      <c r="E33" s="301"/>
      <c r="F33" s="301"/>
      <c r="G33" s="301"/>
      <c r="H33" s="301"/>
      <c r="I33" s="301"/>
      <c r="J33" s="301"/>
      <c r="K33" s="301"/>
      <c r="L33" s="301"/>
      <c r="M33" s="301"/>
      <c r="N33" s="301"/>
      <c r="O33" s="301"/>
      <c r="P33" s="301"/>
      <c r="Q33" s="301"/>
      <c r="R33" s="50"/>
      <c r="S33" s="250"/>
      <c r="T33" s="251"/>
      <c r="U33" s="251"/>
      <c r="V33" s="251"/>
      <c r="W33" s="251"/>
      <c r="X33" s="251"/>
      <c r="Y33" s="251"/>
      <c r="Z33" s="251"/>
      <c r="AA33" s="251"/>
      <c r="AB33" s="251"/>
      <c r="AC33" s="251"/>
      <c r="AD33" s="251"/>
      <c r="AE33" s="250"/>
      <c r="AF33" s="251"/>
      <c r="AG33" s="251"/>
      <c r="AH33" s="251"/>
      <c r="AI33" s="251"/>
      <c r="AJ33" s="251"/>
      <c r="AK33" s="251"/>
      <c r="AL33" s="251"/>
      <c r="AM33" s="251"/>
      <c r="AN33" s="251"/>
      <c r="AO33" s="251"/>
      <c r="AP33" s="251"/>
      <c r="AQ33" s="250"/>
      <c r="AR33" s="251"/>
      <c r="AS33" s="251"/>
      <c r="AT33" s="251"/>
      <c r="AU33" s="251"/>
      <c r="AV33" s="251"/>
      <c r="AW33" s="251"/>
      <c r="AX33" s="251"/>
      <c r="AY33" s="251"/>
      <c r="AZ33" s="251"/>
      <c r="BA33" s="251"/>
      <c r="BB33" s="255"/>
      <c r="BC33" s="48"/>
      <c r="BD33" s="305"/>
      <c r="BE33" s="306"/>
      <c r="BF33" s="306"/>
      <c r="BG33" s="306"/>
      <c r="BH33" s="306"/>
      <c r="BI33" s="306"/>
      <c r="BJ33" s="306"/>
      <c r="BK33" s="306"/>
      <c r="BL33" s="306"/>
      <c r="BM33" s="306"/>
      <c r="BN33" s="306"/>
      <c r="BO33" s="306"/>
      <c r="BP33" s="306"/>
      <c r="BQ33" s="306"/>
      <c r="BR33" s="306"/>
      <c r="BS33" s="306"/>
      <c r="BT33" s="306"/>
      <c r="BU33" s="306"/>
      <c r="BV33" s="306"/>
      <c r="BW33" s="306"/>
      <c r="BX33" s="306"/>
      <c r="BY33" s="307"/>
      <c r="BZ33" s="2"/>
      <c r="CA33" s="272"/>
      <c r="CB33" s="273"/>
      <c r="CC33" s="273"/>
      <c r="CD33" s="273"/>
      <c r="CE33" s="273"/>
      <c r="CF33" s="273"/>
      <c r="CG33" s="273"/>
      <c r="CH33" s="273"/>
      <c r="CI33" s="273"/>
      <c r="CJ33" s="273"/>
      <c r="CK33" s="273"/>
      <c r="CL33" s="273"/>
      <c r="CM33" s="273"/>
      <c r="CN33" s="273"/>
      <c r="CO33" s="273"/>
      <c r="CP33" s="273"/>
      <c r="CQ33" s="273"/>
      <c r="CR33" s="273"/>
      <c r="CS33" s="273"/>
      <c r="CT33" s="273"/>
      <c r="CU33" s="274"/>
      <c r="CV33" s="272"/>
      <c r="CW33" s="273"/>
      <c r="CX33" s="273"/>
      <c r="CY33" s="273"/>
      <c r="CZ33" s="273"/>
      <c r="DA33" s="273"/>
      <c r="DB33" s="273"/>
      <c r="DC33" s="273"/>
      <c r="DD33" s="273"/>
      <c r="DE33" s="273"/>
      <c r="DF33" s="273"/>
      <c r="DG33" s="273"/>
      <c r="DH33" s="273"/>
      <c r="DI33" s="273"/>
      <c r="DJ33" s="273"/>
      <c r="DK33" s="273"/>
      <c r="DL33" s="273"/>
      <c r="DM33" s="273"/>
      <c r="DN33" s="273"/>
      <c r="DO33" s="273"/>
      <c r="DP33" s="274"/>
      <c r="DQ33" s="272"/>
      <c r="DR33" s="273"/>
      <c r="DS33" s="273"/>
      <c r="DT33" s="273"/>
      <c r="DU33" s="273"/>
      <c r="DV33" s="273"/>
      <c r="DW33" s="273"/>
      <c r="DX33" s="273"/>
      <c r="DY33" s="273"/>
      <c r="DZ33" s="273"/>
      <c r="EA33" s="273"/>
      <c r="EB33" s="273"/>
      <c r="EC33" s="273"/>
      <c r="ED33" s="273"/>
      <c r="EE33" s="273"/>
      <c r="EF33" s="273"/>
      <c r="EG33" s="273"/>
      <c r="EH33" s="273"/>
      <c r="EI33" s="273"/>
      <c r="EJ33" s="273"/>
      <c r="EK33" s="274"/>
      <c r="EL33" s="272"/>
      <c r="EM33" s="273"/>
      <c r="EN33" s="273"/>
      <c r="EO33" s="273"/>
      <c r="EP33" s="273"/>
      <c r="EQ33" s="273"/>
      <c r="ER33" s="273"/>
      <c r="ES33" s="273"/>
      <c r="ET33" s="273"/>
      <c r="EU33" s="273"/>
      <c r="EV33" s="273"/>
      <c r="EW33" s="273"/>
      <c r="EX33" s="273"/>
      <c r="EY33" s="273"/>
      <c r="EZ33" s="273"/>
      <c r="FA33" s="273"/>
      <c r="FB33" s="273"/>
      <c r="FC33" s="273"/>
      <c r="FD33" s="273"/>
      <c r="FE33" s="273"/>
      <c r="FF33" s="274"/>
      <c r="FG33" s="272"/>
      <c r="FH33" s="273"/>
      <c r="FI33" s="273"/>
      <c r="FJ33" s="273"/>
      <c r="FK33" s="273"/>
      <c r="FL33" s="273"/>
      <c r="FM33" s="273"/>
      <c r="FN33" s="273"/>
      <c r="FO33" s="273"/>
      <c r="FP33" s="273"/>
      <c r="FQ33" s="273"/>
      <c r="FR33" s="273"/>
      <c r="FS33" s="273"/>
      <c r="FT33" s="273"/>
      <c r="FU33" s="273"/>
      <c r="FV33" s="273"/>
      <c r="FW33" s="273"/>
      <c r="FX33" s="273"/>
      <c r="FY33" s="273"/>
      <c r="FZ33" s="273"/>
      <c r="GA33" s="274"/>
      <c r="GB33" s="272"/>
      <c r="GC33" s="273"/>
      <c r="GD33" s="273"/>
      <c r="GE33" s="273"/>
      <c r="GF33" s="273"/>
      <c r="GG33" s="273"/>
      <c r="GH33" s="273"/>
      <c r="GI33" s="273"/>
      <c r="GJ33" s="273"/>
      <c r="GK33" s="273"/>
      <c r="GL33" s="273"/>
      <c r="GM33" s="273"/>
      <c r="GN33" s="273"/>
      <c r="GO33" s="273"/>
      <c r="GP33" s="273"/>
      <c r="GQ33" s="273"/>
      <c r="GR33" s="273"/>
      <c r="GS33" s="273"/>
      <c r="GT33" s="273"/>
      <c r="GU33" s="273"/>
      <c r="GV33" s="274"/>
      <c r="GW33" s="272"/>
      <c r="GX33" s="273"/>
      <c r="GY33" s="273"/>
      <c r="GZ33" s="273"/>
      <c r="HA33" s="273"/>
      <c r="HB33" s="273"/>
      <c r="HC33" s="273"/>
      <c r="HD33" s="273"/>
      <c r="HE33" s="273"/>
      <c r="HF33" s="273"/>
      <c r="HG33" s="273"/>
      <c r="HH33" s="273"/>
      <c r="HI33" s="273"/>
      <c r="HJ33" s="273"/>
      <c r="HK33" s="273"/>
      <c r="HL33" s="273"/>
      <c r="HM33" s="273"/>
      <c r="HN33" s="273"/>
      <c r="HO33" s="273"/>
      <c r="HP33" s="273"/>
      <c r="HQ33" s="274"/>
    </row>
    <row r="34" spans="2:225" ht="5.25" customHeight="1">
      <c r="B34" s="51"/>
      <c r="C34" s="52"/>
      <c r="D34" s="52"/>
      <c r="E34" s="52"/>
      <c r="F34" s="52"/>
      <c r="G34" s="52"/>
      <c r="H34" s="52"/>
      <c r="I34" s="52"/>
      <c r="J34" s="52"/>
      <c r="K34" s="52"/>
      <c r="L34" s="52"/>
      <c r="M34" s="52"/>
      <c r="N34" s="52"/>
      <c r="O34" s="52"/>
      <c r="P34" s="52"/>
      <c r="Q34" s="52"/>
      <c r="R34" s="53"/>
      <c r="S34" s="252"/>
      <c r="T34" s="253"/>
      <c r="U34" s="253"/>
      <c r="V34" s="253"/>
      <c r="W34" s="253"/>
      <c r="X34" s="253"/>
      <c r="Y34" s="253"/>
      <c r="Z34" s="253"/>
      <c r="AA34" s="253"/>
      <c r="AB34" s="253"/>
      <c r="AC34" s="253"/>
      <c r="AD34" s="253"/>
      <c r="AE34" s="252"/>
      <c r="AF34" s="253"/>
      <c r="AG34" s="253"/>
      <c r="AH34" s="253"/>
      <c r="AI34" s="253"/>
      <c r="AJ34" s="253"/>
      <c r="AK34" s="253"/>
      <c r="AL34" s="253"/>
      <c r="AM34" s="253"/>
      <c r="AN34" s="253"/>
      <c r="AO34" s="253"/>
      <c r="AP34" s="253"/>
      <c r="AQ34" s="252"/>
      <c r="AR34" s="253"/>
      <c r="AS34" s="253"/>
      <c r="AT34" s="253"/>
      <c r="AU34" s="253"/>
      <c r="AV34" s="253"/>
      <c r="AW34" s="253"/>
      <c r="AX34" s="253"/>
      <c r="AY34" s="253"/>
      <c r="AZ34" s="253"/>
      <c r="BA34" s="253"/>
      <c r="BB34" s="256"/>
      <c r="BC34" s="48"/>
      <c r="BD34" s="308"/>
      <c r="BE34" s="309"/>
      <c r="BF34" s="309"/>
      <c r="BG34" s="309"/>
      <c r="BH34" s="309"/>
      <c r="BI34" s="309"/>
      <c r="BJ34" s="309"/>
      <c r="BK34" s="309"/>
      <c r="BL34" s="309"/>
      <c r="BM34" s="309"/>
      <c r="BN34" s="309"/>
      <c r="BO34" s="309"/>
      <c r="BP34" s="309"/>
      <c r="BQ34" s="309"/>
      <c r="BR34" s="309"/>
      <c r="BS34" s="309"/>
      <c r="BT34" s="309"/>
      <c r="BU34" s="309"/>
      <c r="BV34" s="309"/>
      <c r="BW34" s="309"/>
      <c r="BX34" s="309"/>
      <c r="BY34" s="310"/>
      <c r="BZ34" s="2"/>
      <c r="CA34" s="275"/>
      <c r="CB34" s="276"/>
      <c r="CC34" s="276"/>
      <c r="CD34" s="276"/>
      <c r="CE34" s="276"/>
      <c r="CF34" s="276"/>
      <c r="CG34" s="276"/>
      <c r="CH34" s="276"/>
      <c r="CI34" s="276"/>
      <c r="CJ34" s="276"/>
      <c r="CK34" s="276"/>
      <c r="CL34" s="276"/>
      <c r="CM34" s="276"/>
      <c r="CN34" s="276"/>
      <c r="CO34" s="276"/>
      <c r="CP34" s="276"/>
      <c r="CQ34" s="276"/>
      <c r="CR34" s="276"/>
      <c r="CS34" s="276"/>
      <c r="CT34" s="276"/>
      <c r="CU34" s="277"/>
      <c r="CV34" s="275"/>
      <c r="CW34" s="276"/>
      <c r="CX34" s="276"/>
      <c r="CY34" s="276"/>
      <c r="CZ34" s="276"/>
      <c r="DA34" s="276"/>
      <c r="DB34" s="276"/>
      <c r="DC34" s="276"/>
      <c r="DD34" s="276"/>
      <c r="DE34" s="276"/>
      <c r="DF34" s="276"/>
      <c r="DG34" s="276"/>
      <c r="DH34" s="276"/>
      <c r="DI34" s="276"/>
      <c r="DJ34" s="276"/>
      <c r="DK34" s="276"/>
      <c r="DL34" s="276"/>
      <c r="DM34" s="276"/>
      <c r="DN34" s="276"/>
      <c r="DO34" s="276"/>
      <c r="DP34" s="277"/>
      <c r="DQ34" s="275"/>
      <c r="DR34" s="276"/>
      <c r="DS34" s="276"/>
      <c r="DT34" s="276"/>
      <c r="DU34" s="276"/>
      <c r="DV34" s="276"/>
      <c r="DW34" s="276"/>
      <c r="DX34" s="276"/>
      <c r="DY34" s="276"/>
      <c r="DZ34" s="276"/>
      <c r="EA34" s="276"/>
      <c r="EB34" s="276"/>
      <c r="EC34" s="276"/>
      <c r="ED34" s="276"/>
      <c r="EE34" s="276"/>
      <c r="EF34" s="276"/>
      <c r="EG34" s="276"/>
      <c r="EH34" s="276"/>
      <c r="EI34" s="276"/>
      <c r="EJ34" s="276"/>
      <c r="EK34" s="277"/>
      <c r="EL34" s="275"/>
      <c r="EM34" s="276"/>
      <c r="EN34" s="276"/>
      <c r="EO34" s="276"/>
      <c r="EP34" s="276"/>
      <c r="EQ34" s="276"/>
      <c r="ER34" s="276"/>
      <c r="ES34" s="276"/>
      <c r="ET34" s="276"/>
      <c r="EU34" s="276"/>
      <c r="EV34" s="276"/>
      <c r="EW34" s="276"/>
      <c r="EX34" s="276"/>
      <c r="EY34" s="276"/>
      <c r="EZ34" s="276"/>
      <c r="FA34" s="276"/>
      <c r="FB34" s="276"/>
      <c r="FC34" s="276"/>
      <c r="FD34" s="276"/>
      <c r="FE34" s="276"/>
      <c r="FF34" s="277"/>
      <c r="FG34" s="275"/>
      <c r="FH34" s="276"/>
      <c r="FI34" s="276"/>
      <c r="FJ34" s="276"/>
      <c r="FK34" s="276"/>
      <c r="FL34" s="276"/>
      <c r="FM34" s="276"/>
      <c r="FN34" s="276"/>
      <c r="FO34" s="276"/>
      <c r="FP34" s="276"/>
      <c r="FQ34" s="276"/>
      <c r="FR34" s="276"/>
      <c r="FS34" s="276"/>
      <c r="FT34" s="276"/>
      <c r="FU34" s="276"/>
      <c r="FV34" s="276"/>
      <c r="FW34" s="276"/>
      <c r="FX34" s="276"/>
      <c r="FY34" s="276"/>
      <c r="FZ34" s="276"/>
      <c r="GA34" s="277"/>
      <c r="GB34" s="275"/>
      <c r="GC34" s="276"/>
      <c r="GD34" s="276"/>
      <c r="GE34" s="276"/>
      <c r="GF34" s="276"/>
      <c r="GG34" s="276"/>
      <c r="GH34" s="276"/>
      <c r="GI34" s="276"/>
      <c r="GJ34" s="276"/>
      <c r="GK34" s="276"/>
      <c r="GL34" s="276"/>
      <c r="GM34" s="276"/>
      <c r="GN34" s="276"/>
      <c r="GO34" s="276"/>
      <c r="GP34" s="276"/>
      <c r="GQ34" s="276"/>
      <c r="GR34" s="276"/>
      <c r="GS34" s="276"/>
      <c r="GT34" s="276"/>
      <c r="GU34" s="276"/>
      <c r="GV34" s="277"/>
      <c r="GW34" s="275"/>
      <c r="GX34" s="276"/>
      <c r="GY34" s="276"/>
      <c r="GZ34" s="276"/>
      <c r="HA34" s="276"/>
      <c r="HB34" s="276"/>
      <c r="HC34" s="276"/>
      <c r="HD34" s="276"/>
      <c r="HE34" s="276"/>
      <c r="HF34" s="276"/>
      <c r="HG34" s="276"/>
      <c r="HH34" s="276"/>
      <c r="HI34" s="276"/>
      <c r="HJ34" s="276"/>
      <c r="HK34" s="276"/>
      <c r="HL34" s="276"/>
      <c r="HM34" s="276"/>
      <c r="HN34" s="276"/>
      <c r="HO34" s="276"/>
      <c r="HP34" s="276"/>
      <c r="HQ34" s="277"/>
    </row>
    <row r="35" spans="2:225" ht="6" customHeight="1">
      <c r="B35" s="2"/>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33"/>
      <c r="BD35" s="33"/>
      <c r="BE35" s="33"/>
      <c r="BF35" s="33"/>
      <c r="BG35" s="2"/>
      <c r="BH35" s="2"/>
      <c r="BI35" s="2"/>
      <c r="BJ35" s="2"/>
      <c r="BK35" s="2"/>
      <c r="BL35" s="2"/>
      <c r="BM35" s="2"/>
      <c r="BN35" s="2"/>
      <c r="BO35" s="2"/>
      <c r="BP35" s="2"/>
      <c r="BQ35" s="2"/>
      <c r="BR35" s="2"/>
      <c r="BS35" s="2"/>
      <c r="BT35" s="2"/>
      <c r="BU35" s="2"/>
      <c r="BV35" s="2"/>
      <c r="BW35" s="2"/>
      <c r="BX35" s="54"/>
      <c r="BY35" s="3"/>
      <c r="BZ35" s="43"/>
      <c r="CA35" s="43">
        <v>0</v>
      </c>
      <c r="CB35" s="43"/>
      <c r="CC35" s="43"/>
      <c r="CD35" s="43"/>
      <c r="CE35" s="43"/>
      <c r="CF35" s="43"/>
      <c r="CG35" s="43"/>
      <c r="CH35" s="43"/>
      <c r="CI35" s="43"/>
      <c r="CJ35" s="43"/>
      <c r="CK35" s="43"/>
      <c r="CL35" s="3"/>
      <c r="CM35" s="55"/>
      <c r="CN35" s="55"/>
      <c r="CO35" s="55"/>
      <c r="CP35" s="55"/>
      <c r="CQ35" s="55"/>
      <c r="CR35" s="55"/>
      <c r="CS35" s="55"/>
      <c r="CT35" s="55"/>
      <c r="CU35" s="55"/>
      <c r="CV35" s="55"/>
      <c r="CW35" s="27"/>
      <c r="CX35" s="27"/>
      <c r="CY35" s="27"/>
      <c r="CZ35" s="27"/>
      <c r="DA35" s="27"/>
      <c r="DB35" s="27"/>
      <c r="DC35" s="27"/>
      <c r="DD35" s="27"/>
      <c r="DE35" s="27"/>
      <c r="DF35" s="27"/>
      <c r="DG35" s="27"/>
      <c r="DH35" s="27"/>
      <c r="DI35" s="27"/>
      <c r="DJ35" s="27"/>
      <c r="DK35" s="27"/>
      <c r="DL35" s="27"/>
      <c r="DM35" s="27"/>
      <c r="DN35" s="27"/>
      <c r="DO35" s="27"/>
      <c r="DP35" s="27"/>
      <c r="DQ35" s="27"/>
      <c r="DR35" s="27"/>
      <c r="DS35" s="27"/>
      <c r="DT35" s="27"/>
      <c r="DU35" s="27"/>
      <c r="DV35" s="27"/>
      <c r="DW35" s="27"/>
      <c r="DX35" s="27"/>
      <c r="DY35" s="2"/>
      <c r="DZ35" s="2"/>
      <c r="EA35" s="2"/>
      <c r="EB35" s="54"/>
      <c r="EC35" s="54"/>
      <c r="ED35" s="54"/>
      <c r="EE35" s="54"/>
      <c r="EF35" s="54"/>
      <c r="EG35" s="54"/>
      <c r="EH35" s="3"/>
      <c r="EI35" s="43"/>
      <c r="EJ35" s="43"/>
      <c r="EK35" s="43"/>
      <c r="EL35" s="43"/>
      <c r="EM35" s="43"/>
      <c r="EN35" s="43"/>
      <c r="EO35" s="43"/>
      <c r="EP35" s="43"/>
      <c r="EQ35" s="43"/>
      <c r="ER35" s="43"/>
      <c r="ES35" s="43"/>
      <c r="ET35" s="43"/>
      <c r="EU35" s="3"/>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row>
    <row r="36" spans="2:225" ht="5.25" customHeight="1">
      <c r="B36" s="120" t="s">
        <v>38</v>
      </c>
      <c r="C36" s="120"/>
      <c r="D36" s="120"/>
      <c r="E36" s="120"/>
      <c r="F36" s="120"/>
      <c r="G36" s="120"/>
      <c r="H36" s="120"/>
      <c r="I36" s="120" t="s">
        <v>39</v>
      </c>
      <c r="J36" s="120"/>
      <c r="K36" s="120"/>
      <c r="L36" s="120"/>
      <c r="M36" s="120"/>
      <c r="N36" s="120"/>
      <c r="O36" s="120"/>
      <c r="P36" s="279" t="s">
        <v>87</v>
      </c>
      <c r="Q36" s="279"/>
      <c r="R36" s="279"/>
      <c r="S36" s="279"/>
      <c r="T36" s="279"/>
      <c r="U36" s="279"/>
      <c r="V36" s="279"/>
      <c r="W36" s="279"/>
      <c r="X36" s="279"/>
      <c r="Y36" s="279"/>
      <c r="Z36" s="279"/>
      <c r="AA36" s="279"/>
      <c r="AB36" s="279"/>
      <c r="AC36" s="279"/>
      <c r="AD36" s="279"/>
      <c r="AE36" s="279"/>
      <c r="AF36" s="279"/>
      <c r="AG36" s="279"/>
      <c r="AH36" s="279"/>
      <c r="AI36" s="279"/>
      <c r="AJ36" s="279"/>
      <c r="AK36" s="279"/>
      <c r="AL36" s="279"/>
      <c r="AM36" s="279"/>
      <c r="AN36" s="279"/>
      <c r="AO36" s="279"/>
      <c r="AP36" s="279"/>
      <c r="AQ36" s="279"/>
      <c r="AR36" s="279"/>
      <c r="AS36" s="279"/>
      <c r="AT36" s="279"/>
      <c r="AU36" s="279"/>
      <c r="AV36" s="279"/>
      <c r="AW36" s="279"/>
      <c r="AX36" s="279"/>
      <c r="AY36" s="279"/>
      <c r="AZ36" s="279"/>
      <c r="BA36" s="279"/>
      <c r="BB36" s="279"/>
      <c r="BC36" s="279"/>
      <c r="BD36" s="279"/>
      <c r="BE36" s="279"/>
      <c r="BF36" s="279"/>
      <c r="BG36" s="279"/>
      <c r="BH36" s="279"/>
      <c r="BI36" s="279"/>
      <c r="BJ36" s="279"/>
      <c r="BK36" s="279"/>
      <c r="BL36" s="279"/>
      <c r="BM36" s="279"/>
      <c r="BN36" s="279"/>
      <c r="BO36" s="279"/>
      <c r="BP36" s="279"/>
      <c r="BQ36" s="279"/>
      <c r="BR36" s="279"/>
      <c r="BS36" s="279"/>
      <c r="BT36" s="279"/>
      <c r="BU36" s="279"/>
      <c r="BV36" s="279"/>
      <c r="BW36" s="279"/>
      <c r="BX36" s="279"/>
      <c r="BY36" s="279"/>
      <c r="BZ36" s="279"/>
      <c r="CA36" s="279"/>
      <c r="CB36" s="279"/>
      <c r="CC36" s="279"/>
      <c r="CD36" s="279"/>
      <c r="CE36" s="279"/>
      <c r="CF36" s="279"/>
      <c r="CG36" s="279"/>
      <c r="CH36" s="279"/>
      <c r="CI36" s="120" t="s">
        <v>40</v>
      </c>
      <c r="CJ36" s="120"/>
      <c r="CK36" s="120"/>
      <c r="CL36" s="120"/>
      <c r="CM36" s="120"/>
      <c r="CN36" s="120"/>
      <c r="CO36" s="120"/>
      <c r="CP36" s="120"/>
      <c r="CQ36" s="120"/>
      <c r="CR36" s="120"/>
      <c r="CS36" s="120"/>
      <c r="CT36" s="120"/>
      <c r="CU36" s="120"/>
      <c r="CV36" s="120"/>
      <c r="CW36" s="120"/>
      <c r="CX36" s="120"/>
      <c r="CY36" s="120"/>
      <c r="CZ36" s="120"/>
      <c r="DA36" s="120"/>
      <c r="DB36" s="120"/>
      <c r="DC36" s="120"/>
      <c r="DD36" s="120"/>
      <c r="DE36" s="120"/>
      <c r="DF36" s="120"/>
      <c r="DG36" s="120"/>
      <c r="DH36" s="120"/>
      <c r="DI36" s="120" t="s">
        <v>41</v>
      </c>
      <c r="DJ36" s="120"/>
      <c r="DK36" s="120"/>
      <c r="DL36" s="120"/>
      <c r="DM36" s="120"/>
      <c r="DN36" s="120"/>
      <c r="DO36" s="120"/>
      <c r="DP36" s="120"/>
      <c r="DQ36" s="120"/>
      <c r="DR36" s="120"/>
      <c r="DS36" s="120"/>
      <c r="DT36" s="120"/>
      <c r="DU36" s="120" t="s">
        <v>42</v>
      </c>
      <c r="DV36" s="120"/>
      <c r="DW36" s="120"/>
      <c r="DX36" s="120"/>
      <c r="DY36" s="120"/>
      <c r="DZ36" s="120"/>
      <c r="EA36" s="120"/>
      <c r="EB36" s="120"/>
      <c r="EC36" s="120"/>
      <c r="ED36" s="120"/>
      <c r="EE36" s="120"/>
      <c r="EF36" s="120"/>
      <c r="EG36" s="122" t="s">
        <v>43</v>
      </c>
      <c r="EH36" s="123"/>
      <c r="EI36" s="123"/>
      <c r="EJ36" s="123"/>
      <c r="EK36" s="123"/>
      <c r="EL36" s="123"/>
      <c r="EM36" s="123"/>
      <c r="EN36" s="123"/>
      <c r="EO36" s="123"/>
      <c r="EP36" s="123"/>
      <c r="EQ36" s="123"/>
      <c r="ER36" s="123"/>
      <c r="ES36" s="123"/>
      <c r="ET36" s="123"/>
      <c r="EU36" s="124"/>
      <c r="EV36" s="184" t="s">
        <v>85</v>
      </c>
      <c r="EW36" s="185"/>
      <c r="EX36" s="185"/>
      <c r="EY36" s="185"/>
      <c r="EZ36" s="185"/>
      <c r="FA36" s="185"/>
      <c r="FB36" s="185"/>
      <c r="FC36" s="185"/>
      <c r="FD36" s="185"/>
      <c r="FE36" s="185"/>
      <c r="FF36" s="185"/>
      <c r="FG36" s="185"/>
      <c r="FH36" s="185"/>
      <c r="FI36" s="185"/>
      <c r="FJ36" s="185"/>
      <c r="FK36" s="185"/>
      <c r="FL36" s="185"/>
      <c r="FM36" s="186"/>
      <c r="FN36" s="120" t="s">
        <v>44</v>
      </c>
      <c r="FO36" s="120"/>
      <c r="FP36" s="120"/>
      <c r="FQ36" s="120"/>
      <c r="FR36" s="120"/>
      <c r="FS36" s="120"/>
      <c r="FT36" s="120"/>
      <c r="FU36" s="120"/>
      <c r="FV36" s="120"/>
      <c r="FW36" s="120"/>
      <c r="FX36" s="120"/>
      <c r="FY36" s="120"/>
      <c r="FZ36" s="120"/>
      <c r="GA36" s="120"/>
      <c r="GB36" s="120"/>
      <c r="GC36" s="120"/>
      <c r="GD36" s="120"/>
      <c r="GE36" s="120"/>
      <c r="GF36" s="120"/>
      <c r="GG36" s="120"/>
      <c r="GH36" s="120"/>
      <c r="GI36" s="120"/>
      <c r="GJ36" s="120"/>
      <c r="GK36" s="120"/>
      <c r="GL36" s="120"/>
      <c r="GM36" s="120"/>
      <c r="GN36" s="120"/>
      <c r="GO36" s="120"/>
      <c r="GP36" s="280" t="s">
        <v>45</v>
      </c>
      <c r="GQ36" s="281"/>
      <c r="GR36" s="281"/>
      <c r="GS36" s="281"/>
      <c r="GT36" s="281"/>
      <c r="GU36" s="281"/>
      <c r="GV36" s="281"/>
      <c r="GW36" s="281"/>
      <c r="GX36" s="281"/>
      <c r="GY36" s="281"/>
      <c r="GZ36" s="281"/>
      <c r="HA36" s="281"/>
      <c r="HB36" s="281"/>
      <c r="HC36" s="281"/>
      <c r="HD36" s="281"/>
      <c r="HE36" s="281"/>
      <c r="HF36" s="281"/>
      <c r="HG36" s="281"/>
      <c r="HH36" s="281"/>
      <c r="HI36" s="281"/>
      <c r="HJ36" s="281"/>
      <c r="HK36" s="281"/>
      <c r="HL36" s="281"/>
      <c r="HM36" s="281"/>
      <c r="HN36" s="281"/>
      <c r="HO36" s="281"/>
      <c r="HP36" s="281"/>
      <c r="HQ36" s="282"/>
    </row>
    <row r="37" spans="2:225" ht="5.25" customHeight="1">
      <c r="B37" s="120"/>
      <c r="C37" s="120"/>
      <c r="D37" s="120"/>
      <c r="E37" s="120"/>
      <c r="F37" s="120"/>
      <c r="G37" s="120"/>
      <c r="H37" s="120"/>
      <c r="I37" s="120"/>
      <c r="J37" s="120"/>
      <c r="K37" s="120"/>
      <c r="L37" s="120"/>
      <c r="M37" s="120"/>
      <c r="N37" s="120"/>
      <c r="O37" s="120"/>
      <c r="P37" s="279"/>
      <c r="Q37" s="279"/>
      <c r="R37" s="279"/>
      <c r="S37" s="279"/>
      <c r="T37" s="279"/>
      <c r="U37" s="279"/>
      <c r="V37" s="279"/>
      <c r="W37" s="279"/>
      <c r="X37" s="279"/>
      <c r="Y37" s="279"/>
      <c r="Z37" s="279"/>
      <c r="AA37" s="279"/>
      <c r="AB37" s="279"/>
      <c r="AC37" s="279"/>
      <c r="AD37" s="279"/>
      <c r="AE37" s="279"/>
      <c r="AF37" s="279"/>
      <c r="AG37" s="279"/>
      <c r="AH37" s="279"/>
      <c r="AI37" s="279"/>
      <c r="AJ37" s="279"/>
      <c r="AK37" s="279"/>
      <c r="AL37" s="279"/>
      <c r="AM37" s="279"/>
      <c r="AN37" s="279"/>
      <c r="AO37" s="279"/>
      <c r="AP37" s="279"/>
      <c r="AQ37" s="279"/>
      <c r="AR37" s="279"/>
      <c r="AS37" s="279"/>
      <c r="AT37" s="279"/>
      <c r="AU37" s="279"/>
      <c r="AV37" s="279"/>
      <c r="AW37" s="279"/>
      <c r="AX37" s="279"/>
      <c r="AY37" s="279"/>
      <c r="AZ37" s="279"/>
      <c r="BA37" s="279"/>
      <c r="BB37" s="279"/>
      <c r="BC37" s="279"/>
      <c r="BD37" s="279"/>
      <c r="BE37" s="279"/>
      <c r="BF37" s="279"/>
      <c r="BG37" s="279"/>
      <c r="BH37" s="279"/>
      <c r="BI37" s="279"/>
      <c r="BJ37" s="279"/>
      <c r="BK37" s="279"/>
      <c r="BL37" s="279"/>
      <c r="BM37" s="279"/>
      <c r="BN37" s="279"/>
      <c r="BO37" s="279"/>
      <c r="BP37" s="279"/>
      <c r="BQ37" s="279"/>
      <c r="BR37" s="279"/>
      <c r="BS37" s="279"/>
      <c r="BT37" s="279"/>
      <c r="BU37" s="279"/>
      <c r="BV37" s="279"/>
      <c r="BW37" s="279"/>
      <c r="BX37" s="279"/>
      <c r="BY37" s="279"/>
      <c r="BZ37" s="279"/>
      <c r="CA37" s="279"/>
      <c r="CB37" s="279"/>
      <c r="CC37" s="279"/>
      <c r="CD37" s="279"/>
      <c r="CE37" s="279"/>
      <c r="CF37" s="279"/>
      <c r="CG37" s="279"/>
      <c r="CH37" s="279"/>
      <c r="CI37" s="120"/>
      <c r="CJ37" s="120"/>
      <c r="CK37" s="120"/>
      <c r="CL37" s="120"/>
      <c r="CM37" s="120"/>
      <c r="CN37" s="120"/>
      <c r="CO37" s="120"/>
      <c r="CP37" s="120"/>
      <c r="CQ37" s="120"/>
      <c r="CR37" s="120"/>
      <c r="CS37" s="120"/>
      <c r="CT37" s="120"/>
      <c r="CU37" s="120"/>
      <c r="CV37" s="120"/>
      <c r="CW37" s="120"/>
      <c r="CX37" s="120"/>
      <c r="CY37" s="120"/>
      <c r="CZ37" s="120"/>
      <c r="DA37" s="120"/>
      <c r="DB37" s="120"/>
      <c r="DC37" s="120"/>
      <c r="DD37" s="120"/>
      <c r="DE37" s="120"/>
      <c r="DF37" s="120"/>
      <c r="DG37" s="120"/>
      <c r="DH37" s="120"/>
      <c r="DI37" s="120"/>
      <c r="DJ37" s="120"/>
      <c r="DK37" s="120"/>
      <c r="DL37" s="120"/>
      <c r="DM37" s="120"/>
      <c r="DN37" s="120"/>
      <c r="DO37" s="120"/>
      <c r="DP37" s="120"/>
      <c r="DQ37" s="120"/>
      <c r="DR37" s="120"/>
      <c r="DS37" s="120"/>
      <c r="DT37" s="120"/>
      <c r="DU37" s="120"/>
      <c r="DV37" s="120"/>
      <c r="DW37" s="120"/>
      <c r="DX37" s="120"/>
      <c r="DY37" s="120"/>
      <c r="DZ37" s="120"/>
      <c r="EA37" s="120"/>
      <c r="EB37" s="120"/>
      <c r="EC37" s="120"/>
      <c r="ED37" s="120"/>
      <c r="EE37" s="120"/>
      <c r="EF37" s="120"/>
      <c r="EG37" s="125"/>
      <c r="EH37" s="126"/>
      <c r="EI37" s="126"/>
      <c r="EJ37" s="126"/>
      <c r="EK37" s="126"/>
      <c r="EL37" s="126"/>
      <c r="EM37" s="126"/>
      <c r="EN37" s="126"/>
      <c r="EO37" s="126"/>
      <c r="EP37" s="126"/>
      <c r="EQ37" s="126"/>
      <c r="ER37" s="126"/>
      <c r="ES37" s="126"/>
      <c r="ET37" s="126"/>
      <c r="EU37" s="127"/>
      <c r="EV37" s="187"/>
      <c r="EW37" s="188"/>
      <c r="EX37" s="188"/>
      <c r="EY37" s="188"/>
      <c r="EZ37" s="188"/>
      <c r="FA37" s="188"/>
      <c r="FB37" s="188"/>
      <c r="FC37" s="188"/>
      <c r="FD37" s="188"/>
      <c r="FE37" s="188"/>
      <c r="FF37" s="188"/>
      <c r="FG37" s="188"/>
      <c r="FH37" s="188"/>
      <c r="FI37" s="188"/>
      <c r="FJ37" s="188"/>
      <c r="FK37" s="188"/>
      <c r="FL37" s="188"/>
      <c r="FM37" s="189"/>
      <c r="FN37" s="120"/>
      <c r="FO37" s="120"/>
      <c r="FP37" s="120"/>
      <c r="FQ37" s="120"/>
      <c r="FR37" s="120"/>
      <c r="FS37" s="120"/>
      <c r="FT37" s="120"/>
      <c r="FU37" s="120"/>
      <c r="FV37" s="120"/>
      <c r="FW37" s="120"/>
      <c r="FX37" s="120"/>
      <c r="FY37" s="120"/>
      <c r="FZ37" s="120"/>
      <c r="GA37" s="120"/>
      <c r="GB37" s="120"/>
      <c r="GC37" s="120"/>
      <c r="GD37" s="120"/>
      <c r="GE37" s="120"/>
      <c r="GF37" s="120"/>
      <c r="GG37" s="120"/>
      <c r="GH37" s="120"/>
      <c r="GI37" s="120"/>
      <c r="GJ37" s="120"/>
      <c r="GK37" s="120"/>
      <c r="GL37" s="120"/>
      <c r="GM37" s="120"/>
      <c r="GN37" s="120"/>
      <c r="GO37" s="120"/>
      <c r="GP37" s="283"/>
      <c r="GQ37" s="284"/>
      <c r="GR37" s="284"/>
      <c r="GS37" s="284"/>
      <c r="GT37" s="284"/>
      <c r="GU37" s="284"/>
      <c r="GV37" s="284"/>
      <c r="GW37" s="284"/>
      <c r="GX37" s="284"/>
      <c r="GY37" s="284"/>
      <c r="GZ37" s="284"/>
      <c r="HA37" s="284"/>
      <c r="HB37" s="284"/>
      <c r="HC37" s="284"/>
      <c r="HD37" s="284"/>
      <c r="HE37" s="284"/>
      <c r="HF37" s="284"/>
      <c r="HG37" s="284"/>
      <c r="HH37" s="284"/>
      <c r="HI37" s="284"/>
      <c r="HJ37" s="284"/>
      <c r="HK37" s="284"/>
      <c r="HL37" s="284"/>
      <c r="HM37" s="284"/>
      <c r="HN37" s="284"/>
      <c r="HO37" s="284"/>
      <c r="HP37" s="284"/>
      <c r="HQ37" s="285"/>
    </row>
    <row r="38" spans="2:225" ht="5.25" customHeight="1">
      <c r="B38" s="120"/>
      <c r="C38" s="120"/>
      <c r="D38" s="120"/>
      <c r="E38" s="120"/>
      <c r="F38" s="120"/>
      <c r="G38" s="120"/>
      <c r="H38" s="120"/>
      <c r="I38" s="120"/>
      <c r="J38" s="120"/>
      <c r="K38" s="120"/>
      <c r="L38" s="120"/>
      <c r="M38" s="120"/>
      <c r="N38" s="120"/>
      <c r="O38" s="120"/>
      <c r="P38" s="279"/>
      <c r="Q38" s="279"/>
      <c r="R38" s="279"/>
      <c r="S38" s="279"/>
      <c r="T38" s="279"/>
      <c r="U38" s="279"/>
      <c r="V38" s="279"/>
      <c r="W38" s="279"/>
      <c r="X38" s="279"/>
      <c r="Y38" s="279"/>
      <c r="Z38" s="279"/>
      <c r="AA38" s="279"/>
      <c r="AB38" s="279"/>
      <c r="AC38" s="279"/>
      <c r="AD38" s="279"/>
      <c r="AE38" s="279"/>
      <c r="AF38" s="279"/>
      <c r="AG38" s="279"/>
      <c r="AH38" s="279"/>
      <c r="AI38" s="279"/>
      <c r="AJ38" s="279"/>
      <c r="AK38" s="279"/>
      <c r="AL38" s="279"/>
      <c r="AM38" s="279"/>
      <c r="AN38" s="279"/>
      <c r="AO38" s="279"/>
      <c r="AP38" s="279"/>
      <c r="AQ38" s="279"/>
      <c r="AR38" s="279"/>
      <c r="AS38" s="279"/>
      <c r="AT38" s="279"/>
      <c r="AU38" s="279"/>
      <c r="AV38" s="279"/>
      <c r="AW38" s="279"/>
      <c r="AX38" s="279"/>
      <c r="AY38" s="279"/>
      <c r="AZ38" s="279"/>
      <c r="BA38" s="279"/>
      <c r="BB38" s="279"/>
      <c r="BC38" s="279"/>
      <c r="BD38" s="279"/>
      <c r="BE38" s="279"/>
      <c r="BF38" s="279"/>
      <c r="BG38" s="279"/>
      <c r="BH38" s="279"/>
      <c r="BI38" s="279"/>
      <c r="BJ38" s="279"/>
      <c r="BK38" s="279"/>
      <c r="BL38" s="279"/>
      <c r="BM38" s="279"/>
      <c r="BN38" s="279"/>
      <c r="BO38" s="279"/>
      <c r="BP38" s="279"/>
      <c r="BQ38" s="279"/>
      <c r="BR38" s="279"/>
      <c r="BS38" s="279"/>
      <c r="BT38" s="279"/>
      <c r="BU38" s="279"/>
      <c r="BV38" s="279"/>
      <c r="BW38" s="279"/>
      <c r="BX38" s="279"/>
      <c r="BY38" s="279"/>
      <c r="BZ38" s="279"/>
      <c r="CA38" s="279"/>
      <c r="CB38" s="279"/>
      <c r="CC38" s="279"/>
      <c r="CD38" s="279"/>
      <c r="CE38" s="279"/>
      <c r="CF38" s="279"/>
      <c r="CG38" s="279"/>
      <c r="CH38" s="279"/>
      <c r="CI38" s="120"/>
      <c r="CJ38" s="120"/>
      <c r="CK38" s="120"/>
      <c r="CL38" s="120"/>
      <c r="CM38" s="120"/>
      <c r="CN38" s="120"/>
      <c r="CO38" s="120"/>
      <c r="CP38" s="120"/>
      <c r="CQ38" s="120"/>
      <c r="CR38" s="120"/>
      <c r="CS38" s="120"/>
      <c r="CT38" s="120"/>
      <c r="CU38" s="120"/>
      <c r="CV38" s="120"/>
      <c r="CW38" s="120"/>
      <c r="CX38" s="120"/>
      <c r="CY38" s="120"/>
      <c r="CZ38" s="120"/>
      <c r="DA38" s="120"/>
      <c r="DB38" s="120"/>
      <c r="DC38" s="120"/>
      <c r="DD38" s="120"/>
      <c r="DE38" s="120"/>
      <c r="DF38" s="120"/>
      <c r="DG38" s="120"/>
      <c r="DH38" s="120"/>
      <c r="DI38" s="120"/>
      <c r="DJ38" s="120"/>
      <c r="DK38" s="120"/>
      <c r="DL38" s="120"/>
      <c r="DM38" s="120"/>
      <c r="DN38" s="120"/>
      <c r="DO38" s="120"/>
      <c r="DP38" s="120"/>
      <c r="DQ38" s="120"/>
      <c r="DR38" s="120"/>
      <c r="DS38" s="120"/>
      <c r="DT38" s="120"/>
      <c r="DU38" s="120"/>
      <c r="DV38" s="120"/>
      <c r="DW38" s="120"/>
      <c r="DX38" s="120"/>
      <c r="DY38" s="120"/>
      <c r="DZ38" s="120"/>
      <c r="EA38" s="120"/>
      <c r="EB38" s="120"/>
      <c r="EC38" s="120"/>
      <c r="ED38" s="120"/>
      <c r="EE38" s="120"/>
      <c r="EF38" s="120"/>
      <c r="EG38" s="128"/>
      <c r="EH38" s="129"/>
      <c r="EI38" s="129"/>
      <c r="EJ38" s="129"/>
      <c r="EK38" s="129"/>
      <c r="EL38" s="129"/>
      <c r="EM38" s="129"/>
      <c r="EN38" s="129"/>
      <c r="EO38" s="129"/>
      <c r="EP38" s="129"/>
      <c r="EQ38" s="129"/>
      <c r="ER38" s="129"/>
      <c r="ES38" s="129"/>
      <c r="ET38" s="129"/>
      <c r="EU38" s="130"/>
      <c r="EV38" s="190"/>
      <c r="EW38" s="191"/>
      <c r="EX38" s="191"/>
      <c r="EY38" s="191"/>
      <c r="EZ38" s="191"/>
      <c r="FA38" s="191"/>
      <c r="FB38" s="191"/>
      <c r="FC38" s="191"/>
      <c r="FD38" s="191"/>
      <c r="FE38" s="191"/>
      <c r="FF38" s="191"/>
      <c r="FG38" s="191"/>
      <c r="FH38" s="191"/>
      <c r="FI38" s="191"/>
      <c r="FJ38" s="191"/>
      <c r="FK38" s="191"/>
      <c r="FL38" s="191"/>
      <c r="FM38" s="192"/>
      <c r="FN38" s="120"/>
      <c r="FO38" s="120"/>
      <c r="FP38" s="120"/>
      <c r="FQ38" s="120"/>
      <c r="FR38" s="120"/>
      <c r="FS38" s="120"/>
      <c r="FT38" s="120"/>
      <c r="FU38" s="120"/>
      <c r="FV38" s="120"/>
      <c r="FW38" s="120"/>
      <c r="FX38" s="120"/>
      <c r="FY38" s="120"/>
      <c r="FZ38" s="120"/>
      <c r="GA38" s="120"/>
      <c r="GB38" s="120"/>
      <c r="GC38" s="120"/>
      <c r="GD38" s="120"/>
      <c r="GE38" s="120"/>
      <c r="GF38" s="120"/>
      <c r="GG38" s="120"/>
      <c r="GH38" s="120"/>
      <c r="GI38" s="120"/>
      <c r="GJ38" s="120"/>
      <c r="GK38" s="120"/>
      <c r="GL38" s="120"/>
      <c r="GM38" s="120"/>
      <c r="GN38" s="120"/>
      <c r="GO38" s="120"/>
      <c r="GP38" s="286"/>
      <c r="GQ38" s="287"/>
      <c r="GR38" s="287"/>
      <c r="GS38" s="287"/>
      <c r="GT38" s="287"/>
      <c r="GU38" s="287"/>
      <c r="GV38" s="287"/>
      <c r="GW38" s="287"/>
      <c r="GX38" s="287"/>
      <c r="GY38" s="287"/>
      <c r="GZ38" s="287"/>
      <c r="HA38" s="287"/>
      <c r="HB38" s="287"/>
      <c r="HC38" s="287"/>
      <c r="HD38" s="287"/>
      <c r="HE38" s="287"/>
      <c r="HF38" s="287"/>
      <c r="HG38" s="287"/>
      <c r="HH38" s="287"/>
      <c r="HI38" s="287"/>
      <c r="HJ38" s="287"/>
      <c r="HK38" s="287"/>
      <c r="HL38" s="287"/>
      <c r="HM38" s="287"/>
      <c r="HN38" s="287"/>
      <c r="HO38" s="287"/>
      <c r="HP38" s="287"/>
      <c r="HQ38" s="288"/>
    </row>
    <row r="39" spans="2:225" ht="6" customHeight="1">
      <c r="B39" s="225"/>
      <c r="C39" s="225"/>
      <c r="D39" s="225"/>
      <c r="E39" s="225"/>
      <c r="F39" s="225"/>
      <c r="G39" s="225"/>
      <c r="H39" s="225"/>
      <c r="I39" s="225"/>
      <c r="J39" s="225"/>
      <c r="K39" s="225"/>
      <c r="L39" s="225"/>
      <c r="M39" s="225"/>
      <c r="N39" s="225"/>
      <c r="O39" s="225"/>
      <c r="P39" s="226"/>
      <c r="Q39" s="245"/>
      <c r="R39" s="246"/>
      <c r="S39" s="246"/>
      <c r="T39" s="246"/>
      <c r="U39" s="246"/>
      <c r="V39" s="246"/>
      <c r="W39" s="246"/>
      <c r="X39" s="246"/>
      <c r="Y39" s="246"/>
      <c r="Z39" s="246"/>
      <c r="AA39" s="246"/>
      <c r="AB39" s="246"/>
      <c r="AC39" s="246"/>
      <c r="AD39" s="246"/>
      <c r="AE39" s="246"/>
      <c r="AF39" s="246"/>
      <c r="AG39" s="246"/>
      <c r="AH39" s="246"/>
      <c r="AI39" s="246"/>
      <c r="AJ39" s="246"/>
      <c r="AK39" s="246"/>
      <c r="AL39" s="246"/>
      <c r="AM39" s="246"/>
      <c r="AN39" s="246"/>
      <c r="AO39" s="246"/>
      <c r="AP39" s="246"/>
      <c r="AQ39" s="246"/>
      <c r="AR39" s="246"/>
      <c r="AS39" s="246"/>
      <c r="AT39" s="246"/>
      <c r="AU39" s="246"/>
      <c r="AV39" s="246"/>
      <c r="AW39" s="246"/>
      <c r="AX39" s="246"/>
      <c r="AY39" s="246"/>
      <c r="AZ39" s="246"/>
      <c r="BA39" s="246"/>
      <c r="BB39" s="246"/>
      <c r="BC39" s="246"/>
      <c r="BD39" s="246"/>
      <c r="BE39" s="246"/>
      <c r="BF39" s="246"/>
      <c r="BG39" s="246"/>
      <c r="BH39" s="246"/>
      <c r="BI39" s="246"/>
      <c r="BJ39" s="246"/>
      <c r="BK39" s="246"/>
      <c r="BL39" s="246"/>
      <c r="BM39" s="246"/>
      <c r="BN39" s="246"/>
      <c r="BO39" s="246"/>
      <c r="BP39" s="246"/>
      <c r="BQ39" s="246"/>
      <c r="BR39" s="246"/>
      <c r="BS39" s="246"/>
      <c r="BT39" s="246"/>
      <c r="BU39" s="246"/>
      <c r="BV39" s="246"/>
      <c r="BW39" s="246"/>
      <c r="BX39" s="246"/>
      <c r="BY39" s="246"/>
      <c r="BZ39" s="246"/>
      <c r="CA39" s="246"/>
      <c r="CB39" s="246"/>
      <c r="CC39" s="246"/>
      <c r="CD39" s="246"/>
      <c r="CE39" s="246"/>
      <c r="CF39" s="246"/>
      <c r="CG39" s="247"/>
      <c r="CH39" s="230"/>
      <c r="CI39" s="193"/>
      <c r="CJ39" s="193"/>
      <c r="CK39" s="193"/>
      <c r="CL39" s="193"/>
      <c r="CM39" s="193"/>
      <c r="CN39" s="193"/>
      <c r="CO39" s="193"/>
      <c r="CP39" s="193"/>
      <c r="CQ39" s="193"/>
      <c r="CR39" s="193"/>
      <c r="CS39" s="193"/>
      <c r="CT39" s="193"/>
      <c r="CU39" s="193"/>
      <c r="CV39" s="193"/>
      <c r="CW39" s="193"/>
      <c r="CX39" s="193"/>
      <c r="CY39" s="193"/>
      <c r="CZ39" s="193"/>
      <c r="DA39" s="193"/>
      <c r="DB39" s="193"/>
      <c r="DC39" s="193"/>
      <c r="DD39" s="193"/>
      <c r="DE39" s="193"/>
      <c r="DF39" s="193"/>
      <c r="DG39" s="193"/>
      <c r="DH39" s="193"/>
      <c r="DI39" s="234"/>
      <c r="DJ39" s="234"/>
      <c r="DK39" s="234"/>
      <c r="DL39" s="234"/>
      <c r="DM39" s="234"/>
      <c r="DN39" s="234"/>
      <c r="DO39" s="234"/>
      <c r="DP39" s="234"/>
      <c r="DQ39" s="234"/>
      <c r="DR39" s="234"/>
      <c r="DS39" s="234"/>
      <c r="DT39" s="234"/>
      <c r="DU39" s="215"/>
      <c r="DV39" s="215"/>
      <c r="DW39" s="215"/>
      <c r="DX39" s="215"/>
      <c r="DY39" s="215"/>
      <c r="DZ39" s="215"/>
      <c r="EA39" s="215"/>
      <c r="EB39" s="215"/>
      <c r="EC39" s="215"/>
      <c r="ED39" s="215"/>
      <c r="EE39" s="215"/>
      <c r="EF39" s="215"/>
      <c r="EG39" s="236"/>
      <c r="EH39" s="237"/>
      <c r="EI39" s="237"/>
      <c r="EJ39" s="237"/>
      <c r="EK39" s="237"/>
      <c r="EL39" s="237"/>
      <c r="EM39" s="237"/>
      <c r="EN39" s="237"/>
      <c r="EO39" s="237"/>
      <c r="EP39" s="237"/>
      <c r="EQ39" s="237"/>
      <c r="ER39" s="237"/>
      <c r="ES39" s="237"/>
      <c r="ET39" s="237"/>
      <c r="EU39" s="238"/>
      <c r="EV39" s="196"/>
      <c r="EW39" s="197"/>
      <c r="EX39" s="197"/>
      <c r="EY39" s="197"/>
      <c r="EZ39" s="197"/>
      <c r="FA39" s="197"/>
      <c r="FB39" s="197"/>
      <c r="FC39" s="197"/>
      <c r="FD39" s="197"/>
      <c r="FE39" s="197"/>
      <c r="FF39" s="197"/>
      <c r="FG39" s="197"/>
      <c r="FH39" s="197"/>
      <c r="FI39" s="197"/>
      <c r="FJ39" s="197"/>
      <c r="FK39" s="197"/>
      <c r="FL39" s="197"/>
      <c r="FM39" s="198"/>
      <c r="FN39" s="193"/>
      <c r="FO39" s="193"/>
      <c r="FP39" s="193"/>
      <c r="FQ39" s="193"/>
      <c r="FR39" s="193"/>
      <c r="FS39" s="193"/>
      <c r="FT39" s="193"/>
      <c r="FU39" s="193"/>
      <c r="FV39" s="193"/>
      <c r="FW39" s="193"/>
      <c r="FX39" s="193"/>
      <c r="FY39" s="193"/>
      <c r="FZ39" s="193"/>
      <c r="GA39" s="193"/>
      <c r="GB39" s="193"/>
      <c r="GC39" s="193"/>
      <c r="GD39" s="193"/>
      <c r="GE39" s="193"/>
      <c r="GF39" s="193"/>
      <c r="GG39" s="193"/>
      <c r="GH39" s="193"/>
      <c r="GI39" s="193"/>
      <c r="GJ39" s="193"/>
      <c r="GK39" s="193"/>
      <c r="GL39" s="193"/>
      <c r="GM39" s="193"/>
      <c r="GN39" s="193"/>
      <c r="GO39" s="193"/>
      <c r="GP39" s="257"/>
      <c r="GQ39" s="258"/>
      <c r="GR39" s="258"/>
      <c r="GS39" s="258"/>
      <c r="GT39" s="258"/>
      <c r="GU39" s="258"/>
      <c r="GV39" s="258"/>
      <c r="GW39" s="258"/>
      <c r="GX39" s="258"/>
      <c r="GY39" s="258"/>
      <c r="GZ39" s="258"/>
      <c r="HA39" s="258"/>
      <c r="HB39" s="258"/>
      <c r="HC39" s="258"/>
      <c r="HD39" s="258"/>
      <c r="HE39" s="258"/>
      <c r="HF39" s="258"/>
      <c r="HG39" s="258"/>
      <c r="HH39" s="258"/>
      <c r="HI39" s="258"/>
      <c r="HJ39" s="258"/>
      <c r="HK39" s="258"/>
      <c r="HL39" s="258"/>
      <c r="HM39" s="258"/>
      <c r="HN39" s="258"/>
      <c r="HO39" s="258"/>
      <c r="HP39" s="258"/>
      <c r="HQ39" s="259"/>
    </row>
    <row r="40" spans="2:225" ht="6" customHeight="1">
      <c r="B40" s="225"/>
      <c r="C40" s="225"/>
      <c r="D40" s="225"/>
      <c r="E40" s="225"/>
      <c r="F40" s="225"/>
      <c r="G40" s="225"/>
      <c r="H40" s="225"/>
      <c r="I40" s="225"/>
      <c r="J40" s="225"/>
      <c r="K40" s="225"/>
      <c r="L40" s="225"/>
      <c r="M40" s="225"/>
      <c r="N40" s="225"/>
      <c r="O40" s="225"/>
      <c r="P40" s="226"/>
      <c r="Q40" s="245"/>
      <c r="R40" s="246"/>
      <c r="S40" s="246"/>
      <c r="T40" s="246"/>
      <c r="U40" s="246"/>
      <c r="V40" s="246"/>
      <c r="W40" s="246"/>
      <c r="X40" s="246"/>
      <c r="Y40" s="246"/>
      <c r="Z40" s="246"/>
      <c r="AA40" s="246"/>
      <c r="AB40" s="246"/>
      <c r="AC40" s="246"/>
      <c r="AD40" s="246"/>
      <c r="AE40" s="246"/>
      <c r="AF40" s="246"/>
      <c r="AG40" s="246"/>
      <c r="AH40" s="246"/>
      <c r="AI40" s="246"/>
      <c r="AJ40" s="246"/>
      <c r="AK40" s="246"/>
      <c r="AL40" s="246"/>
      <c r="AM40" s="246"/>
      <c r="AN40" s="246"/>
      <c r="AO40" s="246"/>
      <c r="AP40" s="246"/>
      <c r="AQ40" s="246"/>
      <c r="AR40" s="246"/>
      <c r="AS40" s="246"/>
      <c r="AT40" s="246"/>
      <c r="AU40" s="246"/>
      <c r="AV40" s="246"/>
      <c r="AW40" s="246"/>
      <c r="AX40" s="246"/>
      <c r="AY40" s="246"/>
      <c r="AZ40" s="246"/>
      <c r="BA40" s="246"/>
      <c r="BB40" s="246"/>
      <c r="BC40" s="246"/>
      <c r="BD40" s="246"/>
      <c r="BE40" s="246"/>
      <c r="BF40" s="246"/>
      <c r="BG40" s="246"/>
      <c r="BH40" s="246"/>
      <c r="BI40" s="246"/>
      <c r="BJ40" s="246"/>
      <c r="BK40" s="246"/>
      <c r="BL40" s="246"/>
      <c r="BM40" s="246"/>
      <c r="BN40" s="246"/>
      <c r="BO40" s="246"/>
      <c r="BP40" s="246"/>
      <c r="BQ40" s="246"/>
      <c r="BR40" s="246"/>
      <c r="BS40" s="246"/>
      <c r="BT40" s="246"/>
      <c r="BU40" s="246"/>
      <c r="BV40" s="246"/>
      <c r="BW40" s="246"/>
      <c r="BX40" s="246"/>
      <c r="BY40" s="246"/>
      <c r="BZ40" s="246"/>
      <c r="CA40" s="246"/>
      <c r="CB40" s="246"/>
      <c r="CC40" s="246"/>
      <c r="CD40" s="246"/>
      <c r="CE40" s="246"/>
      <c r="CF40" s="246"/>
      <c r="CG40" s="247"/>
      <c r="CH40" s="230"/>
      <c r="CI40" s="193"/>
      <c r="CJ40" s="193"/>
      <c r="CK40" s="193"/>
      <c r="CL40" s="193"/>
      <c r="CM40" s="193"/>
      <c r="CN40" s="193"/>
      <c r="CO40" s="193"/>
      <c r="CP40" s="193"/>
      <c r="CQ40" s="193"/>
      <c r="CR40" s="193"/>
      <c r="CS40" s="193"/>
      <c r="CT40" s="193"/>
      <c r="CU40" s="193"/>
      <c r="CV40" s="193"/>
      <c r="CW40" s="193"/>
      <c r="CX40" s="193"/>
      <c r="CY40" s="193"/>
      <c r="CZ40" s="193"/>
      <c r="DA40" s="193"/>
      <c r="DB40" s="193"/>
      <c r="DC40" s="193"/>
      <c r="DD40" s="193"/>
      <c r="DE40" s="193"/>
      <c r="DF40" s="193"/>
      <c r="DG40" s="193"/>
      <c r="DH40" s="193"/>
      <c r="DI40" s="234"/>
      <c r="DJ40" s="234"/>
      <c r="DK40" s="234"/>
      <c r="DL40" s="234"/>
      <c r="DM40" s="234"/>
      <c r="DN40" s="234"/>
      <c r="DO40" s="234"/>
      <c r="DP40" s="234"/>
      <c r="DQ40" s="234"/>
      <c r="DR40" s="234"/>
      <c r="DS40" s="234"/>
      <c r="DT40" s="234"/>
      <c r="DU40" s="215"/>
      <c r="DV40" s="215"/>
      <c r="DW40" s="215"/>
      <c r="DX40" s="215"/>
      <c r="DY40" s="215"/>
      <c r="DZ40" s="215"/>
      <c r="EA40" s="215"/>
      <c r="EB40" s="215"/>
      <c r="EC40" s="215"/>
      <c r="ED40" s="215"/>
      <c r="EE40" s="215"/>
      <c r="EF40" s="215"/>
      <c r="EG40" s="239"/>
      <c r="EH40" s="240"/>
      <c r="EI40" s="240"/>
      <c r="EJ40" s="240"/>
      <c r="EK40" s="240"/>
      <c r="EL40" s="240"/>
      <c r="EM40" s="240"/>
      <c r="EN40" s="240"/>
      <c r="EO40" s="240"/>
      <c r="EP40" s="240"/>
      <c r="EQ40" s="240"/>
      <c r="ER40" s="240"/>
      <c r="ES40" s="240"/>
      <c r="ET40" s="240"/>
      <c r="EU40" s="241"/>
      <c r="EV40" s="199"/>
      <c r="EW40" s="200"/>
      <c r="EX40" s="200"/>
      <c r="EY40" s="200"/>
      <c r="EZ40" s="200"/>
      <c r="FA40" s="200"/>
      <c r="FB40" s="200"/>
      <c r="FC40" s="200"/>
      <c r="FD40" s="200"/>
      <c r="FE40" s="200"/>
      <c r="FF40" s="200"/>
      <c r="FG40" s="200"/>
      <c r="FH40" s="200"/>
      <c r="FI40" s="200"/>
      <c r="FJ40" s="200"/>
      <c r="FK40" s="200"/>
      <c r="FL40" s="200"/>
      <c r="FM40" s="201"/>
      <c r="FN40" s="193"/>
      <c r="FO40" s="193"/>
      <c r="FP40" s="193"/>
      <c r="FQ40" s="193"/>
      <c r="FR40" s="193"/>
      <c r="FS40" s="193"/>
      <c r="FT40" s="193"/>
      <c r="FU40" s="193"/>
      <c r="FV40" s="193"/>
      <c r="FW40" s="193"/>
      <c r="FX40" s="193"/>
      <c r="FY40" s="193"/>
      <c r="FZ40" s="193"/>
      <c r="GA40" s="193"/>
      <c r="GB40" s="193"/>
      <c r="GC40" s="193"/>
      <c r="GD40" s="193"/>
      <c r="GE40" s="193"/>
      <c r="GF40" s="193"/>
      <c r="GG40" s="193"/>
      <c r="GH40" s="193"/>
      <c r="GI40" s="193"/>
      <c r="GJ40" s="193"/>
      <c r="GK40" s="193"/>
      <c r="GL40" s="193"/>
      <c r="GM40" s="193"/>
      <c r="GN40" s="193"/>
      <c r="GO40" s="193"/>
      <c r="GP40" s="260"/>
      <c r="GQ40" s="261"/>
      <c r="GR40" s="261"/>
      <c r="GS40" s="261"/>
      <c r="GT40" s="261"/>
      <c r="GU40" s="261"/>
      <c r="GV40" s="261"/>
      <c r="GW40" s="261"/>
      <c r="GX40" s="261"/>
      <c r="GY40" s="261"/>
      <c r="GZ40" s="261"/>
      <c r="HA40" s="261"/>
      <c r="HB40" s="261"/>
      <c r="HC40" s="261"/>
      <c r="HD40" s="261"/>
      <c r="HE40" s="261"/>
      <c r="HF40" s="261"/>
      <c r="HG40" s="261"/>
      <c r="HH40" s="261"/>
      <c r="HI40" s="261"/>
      <c r="HJ40" s="261"/>
      <c r="HK40" s="261"/>
      <c r="HL40" s="261"/>
      <c r="HM40" s="261"/>
      <c r="HN40" s="261"/>
      <c r="HO40" s="261"/>
      <c r="HP40" s="261"/>
      <c r="HQ40" s="262"/>
    </row>
    <row r="41" spans="2:225" ht="6" customHeight="1">
      <c r="B41" s="225"/>
      <c r="C41" s="225"/>
      <c r="D41" s="225"/>
      <c r="E41" s="225"/>
      <c r="F41" s="225"/>
      <c r="G41" s="225"/>
      <c r="H41" s="225"/>
      <c r="I41" s="225"/>
      <c r="J41" s="225"/>
      <c r="K41" s="225"/>
      <c r="L41" s="225"/>
      <c r="M41" s="225"/>
      <c r="N41" s="225"/>
      <c r="O41" s="225"/>
      <c r="P41" s="226"/>
      <c r="Q41" s="245"/>
      <c r="R41" s="246"/>
      <c r="S41" s="246"/>
      <c r="T41" s="246"/>
      <c r="U41" s="246"/>
      <c r="V41" s="246"/>
      <c r="W41" s="246"/>
      <c r="X41" s="246"/>
      <c r="Y41" s="246"/>
      <c r="Z41" s="246"/>
      <c r="AA41" s="246"/>
      <c r="AB41" s="246"/>
      <c r="AC41" s="246"/>
      <c r="AD41" s="246"/>
      <c r="AE41" s="246"/>
      <c r="AF41" s="246"/>
      <c r="AG41" s="246"/>
      <c r="AH41" s="246"/>
      <c r="AI41" s="246"/>
      <c r="AJ41" s="246"/>
      <c r="AK41" s="246"/>
      <c r="AL41" s="246"/>
      <c r="AM41" s="246"/>
      <c r="AN41" s="246"/>
      <c r="AO41" s="246"/>
      <c r="AP41" s="246"/>
      <c r="AQ41" s="246"/>
      <c r="AR41" s="246"/>
      <c r="AS41" s="246"/>
      <c r="AT41" s="246"/>
      <c r="AU41" s="246"/>
      <c r="AV41" s="246"/>
      <c r="AW41" s="246"/>
      <c r="AX41" s="246"/>
      <c r="AY41" s="246"/>
      <c r="AZ41" s="246"/>
      <c r="BA41" s="246"/>
      <c r="BB41" s="246"/>
      <c r="BC41" s="246"/>
      <c r="BD41" s="246"/>
      <c r="BE41" s="246"/>
      <c r="BF41" s="246"/>
      <c r="BG41" s="246"/>
      <c r="BH41" s="246"/>
      <c r="BI41" s="246"/>
      <c r="BJ41" s="246"/>
      <c r="BK41" s="246"/>
      <c r="BL41" s="246"/>
      <c r="BM41" s="246"/>
      <c r="BN41" s="246"/>
      <c r="BO41" s="246"/>
      <c r="BP41" s="246"/>
      <c r="BQ41" s="246"/>
      <c r="BR41" s="246"/>
      <c r="BS41" s="246"/>
      <c r="BT41" s="246"/>
      <c r="BU41" s="246"/>
      <c r="BV41" s="246"/>
      <c r="BW41" s="246"/>
      <c r="BX41" s="246"/>
      <c r="BY41" s="246"/>
      <c r="BZ41" s="246"/>
      <c r="CA41" s="246"/>
      <c r="CB41" s="246"/>
      <c r="CC41" s="246"/>
      <c r="CD41" s="246"/>
      <c r="CE41" s="246"/>
      <c r="CF41" s="246"/>
      <c r="CG41" s="247"/>
      <c r="CH41" s="230"/>
      <c r="CI41" s="193"/>
      <c r="CJ41" s="193"/>
      <c r="CK41" s="193"/>
      <c r="CL41" s="193"/>
      <c r="CM41" s="193"/>
      <c r="CN41" s="193"/>
      <c r="CO41" s="193"/>
      <c r="CP41" s="193"/>
      <c r="CQ41" s="193"/>
      <c r="CR41" s="193"/>
      <c r="CS41" s="193"/>
      <c r="CT41" s="193"/>
      <c r="CU41" s="193"/>
      <c r="CV41" s="193"/>
      <c r="CW41" s="193"/>
      <c r="CX41" s="193"/>
      <c r="CY41" s="193"/>
      <c r="CZ41" s="193"/>
      <c r="DA41" s="193"/>
      <c r="DB41" s="193"/>
      <c r="DC41" s="193"/>
      <c r="DD41" s="193"/>
      <c r="DE41" s="193"/>
      <c r="DF41" s="193"/>
      <c r="DG41" s="193"/>
      <c r="DH41" s="193"/>
      <c r="DI41" s="234"/>
      <c r="DJ41" s="234"/>
      <c r="DK41" s="234"/>
      <c r="DL41" s="234"/>
      <c r="DM41" s="234"/>
      <c r="DN41" s="234"/>
      <c r="DO41" s="234"/>
      <c r="DP41" s="234"/>
      <c r="DQ41" s="234"/>
      <c r="DR41" s="234"/>
      <c r="DS41" s="234"/>
      <c r="DT41" s="234"/>
      <c r="DU41" s="215"/>
      <c r="DV41" s="215"/>
      <c r="DW41" s="215"/>
      <c r="DX41" s="215"/>
      <c r="DY41" s="215"/>
      <c r="DZ41" s="215"/>
      <c r="EA41" s="215"/>
      <c r="EB41" s="215"/>
      <c r="EC41" s="215"/>
      <c r="ED41" s="215"/>
      <c r="EE41" s="215"/>
      <c r="EF41" s="215"/>
      <c r="EG41" s="239"/>
      <c r="EH41" s="240"/>
      <c r="EI41" s="240"/>
      <c r="EJ41" s="240"/>
      <c r="EK41" s="240"/>
      <c r="EL41" s="240"/>
      <c r="EM41" s="240"/>
      <c r="EN41" s="240"/>
      <c r="EO41" s="240"/>
      <c r="EP41" s="240"/>
      <c r="EQ41" s="240"/>
      <c r="ER41" s="240"/>
      <c r="ES41" s="240"/>
      <c r="ET41" s="240"/>
      <c r="EU41" s="241"/>
      <c r="EV41" s="199"/>
      <c r="EW41" s="200"/>
      <c r="EX41" s="200"/>
      <c r="EY41" s="200"/>
      <c r="EZ41" s="200"/>
      <c r="FA41" s="200"/>
      <c r="FB41" s="200"/>
      <c r="FC41" s="200"/>
      <c r="FD41" s="200"/>
      <c r="FE41" s="200"/>
      <c r="FF41" s="200"/>
      <c r="FG41" s="200"/>
      <c r="FH41" s="200"/>
      <c r="FI41" s="200"/>
      <c r="FJ41" s="200"/>
      <c r="FK41" s="200"/>
      <c r="FL41" s="200"/>
      <c r="FM41" s="201"/>
      <c r="FN41" s="193"/>
      <c r="FO41" s="193"/>
      <c r="FP41" s="193"/>
      <c r="FQ41" s="193"/>
      <c r="FR41" s="193"/>
      <c r="FS41" s="193"/>
      <c r="FT41" s="193"/>
      <c r="FU41" s="193"/>
      <c r="FV41" s="193"/>
      <c r="FW41" s="193"/>
      <c r="FX41" s="193"/>
      <c r="FY41" s="193"/>
      <c r="FZ41" s="193"/>
      <c r="GA41" s="193"/>
      <c r="GB41" s="193"/>
      <c r="GC41" s="193"/>
      <c r="GD41" s="193"/>
      <c r="GE41" s="193"/>
      <c r="GF41" s="193"/>
      <c r="GG41" s="193"/>
      <c r="GH41" s="193"/>
      <c r="GI41" s="193"/>
      <c r="GJ41" s="193"/>
      <c r="GK41" s="193"/>
      <c r="GL41" s="193"/>
      <c r="GM41" s="193"/>
      <c r="GN41" s="193"/>
      <c r="GO41" s="193"/>
      <c r="GP41" s="260"/>
      <c r="GQ41" s="261"/>
      <c r="GR41" s="261"/>
      <c r="GS41" s="261"/>
      <c r="GT41" s="261"/>
      <c r="GU41" s="261"/>
      <c r="GV41" s="261"/>
      <c r="GW41" s="261"/>
      <c r="GX41" s="261"/>
      <c r="GY41" s="261"/>
      <c r="GZ41" s="261"/>
      <c r="HA41" s="261"/>
      <c r="HB41" s="261"/>
      <c r="HC41" s="261"/>
      <c r="HD41" s="261"/>
      <c r="HE41" s="261"/>
      <c r="HF41" s="261"/>
      <c r="HG41" s="261"/>
      <c r="HH41" s="261"/>
      <c r="HI41" s="261"/>
      <c r="HJ41" s="261"/>
      <c r="HK41" s="261"/>
      <c r="HL41" s="261"/>
      <c r="HM41" s="261"/>
      <c r="HN41" s="261"/>
      <c r="HO41" s="261"/>
      <c r="HP41" s="261"/>
      <c r="HQ41" s="262"/>
    </row>
    <row r="42" spans="2:225" ht="6" customHeight="1">
      <c r="B42" s="225"/>
      <c r="C42" s="225"/>
      <c r="D42" s="225"/>
      <c r="E42" s="225"/>
      <c r="F42" s="225"/>
      <c r="G42" s="225"/>
      <c r="H42" s="225"/>
      <c r="I42" s="225"/>
      <c r="J42" s="225"/>
      <c r="K42" s="225"/>
      <c r="L42" s="225"/>
      <c r="M42" s="225"/>
      <c r="N42" s="225"/>
      <c r="O42" s="225"/>
      <c r="P42" s="226"/>
      <c r="Q42" s="245"/>
      <c r="R42" s="246"/>
      <c r="S42" s="246"/>
      <c r="T42" s="246"/>
      <c r="U42" s="246"/>
      <c r="V42" s="246"/>
      <c r="W42" s="246"/>
      <c r="X42" s="246"/>
      <c r="Y42" s="246"/>
      <c r="Z42" s="246"/>
      <c r="AA42" s="246"/>
      <c r="AB42" s="246"/>
      <c r="AC42" s="246"/>
      <c r="AD42" s="246"/>
      <c r="AE42" s="246"/>
      <c r="AF42" s="246"/>
      <c r="AG42" s="246"/>
      <c r="AH42" s="246"/>
      <c r="AI42" s="246"/>
      <c r="AJ42" s="246"/>
      <c r="AK42" s="246"/>
      <c r="AL42" s="246"/>
      <c r="AM42" s="246"/>
      <c r="AN42" s="246"/>
      <c r="AO42" s="246"/>
      <c r="AP42" s="246"/>
      <c r="AQ42" s="246"/>
      <c r="AR42" s="246"/>
      <c r="AS42" s="246"/>
      <c r="AT42" s="246"/>
      <c r="AU42" s="246"/>
      <c r="AV42" s="246"/>
      <c r="AW42" s="246"/>
      <c r="AX42" s="246"/>
      <c r="AY42" s="246"/>
      <c r="AZ42" s="246"/>
      <c r="BA42" s="246"/>
      <c r="BB42" s="246"/>
      <c r="BC42" s="246"/>
      <c r="BD42" s="246"/>
      <c r="BE42" s="246"/>
      <c r="BF42" s="246"/>
      <c r="BG42" s="246"/>
      <c r="BH42" s="246"/>
      <c r="BI42" s="246"/>
      <c r="BJ42" s="246"/>
      <c r="BK42" s="246"/>
      <c r="BL42" s="246"/>
      <c r="BM42" s="246"/>
      <c r="BN42" s="246"/>
      <c r="BO42" s="246"/>
      <c r="BP42" s="246"/>
      <c r="BQ42" s="246"/>
      <c r="BR42" s="246"/>
      <c r="BS42" s="246"/>
      <c r="BT42" s="246"/>
      <c r="BU42" s="246"/>
      <c r="BV42" s="246"/>
      <c r="BW42" s="246"/>
      <c r="BX42" s="246"/>
      <c r="BY42" s="246"/>
      <c r="BZ42" s="246"/>
      <c r="CA42" s="246"/>
      <c r="CB42" s="246"/>
      <c r="CC42" s="246"/>
      <c r="CD42" s="246"/>
      <c r="CE42" s="246"/>
      <c r="CF42" s="246"/>
      <c r="CG42" s="247"/>
      <c r="CH42" s="230"/>
      <c r="CI42" s="193"/>
      <c r="CJ42" s="193"/>
      <c r="CK42" s="193"/>
      <c r="CL42" s="193"/>
      <c r="CM42" s="193"/>
      <c r="CN42" s="193"/>
      <c r="CO42" s="193"/>
      <c r="CP42" s="193"/>
      <c r="CQ42" s="193"/>
      <c r="CR42" s="193"/>
      <c r="CS42" s="193"/>
      <c r="CT42" s="193"/>
      <c r="CU42" s="193"/>
      <c r="CV42" s="193"/>
      <c r="CW42" s="193"/>
      <c r="CX42" s="193"/>
      <c r="CY42" s="193"/>
      <c r="CZ42" s="193"/>
      <c r="DA42" s="193"/>
      <c r="DB42" s="193"/>
      <c r="DC42" s="193"/>
      <c r="DD42" s="193"/>
      <c r="DE42" s="193"/>
      <c r="DF42" s="193"/>
      <c r="DG42" s="193"/>
      <c r="DH42" s="193"/>
      <c r="DI42" s="234"/>
      <c r="DJ42" s="234"/>
      <c r="DK42" s="234"/>
      <c r="DL42" s="234"/>
      <c r="DM42" s="234"/>
      <c r="DN42" s="234"/>
      <c r="DO42" s="234"/>
      <c r="DP42" s="234"/>
      <c r="DQ42" s="234"/>
      <c r="DR42" s="234"/>
      <c r="DS42" s="234"/>
      <c r="DT42" s="234"/>
      <c r="DU42" s="215"/>
      <c r="DV42" s="215"/>
      <c r="DW42" s="215"/>
      <c r="DX42" s="215"/>
      <c r="DY42" s="215"/>
      <c r="DZ42" s="215"/>
      <c r="EA42" s="215"/>
      <c r="EB42" s="215"/>
      <c r="EC42" s="215"/>
      <c r="ED42" s="215"/>
      <c r="EE42" s="215"/>
      <c r="EF42" s="215"/>
      <c r="EG42" s="242"/>
      <c r="EH42" s="243"/>
      <c r="EI42" s="243"/>
      <c r="EJ42" s="243"/>
      <c r="EK42" s="243"/>
      <c r="EL42" s="243"/>
      <c r="EM42" s="243"/>
      <c r="EN42" s="243"/>
      <c r="EO42" s="243"/>
      <c r="EP42" s="243"/>
      <c r="EQ42" s="243"/>
      <c r="ER42" s="243"/>
      <c r="ES42" s="243"/>
      <c r="ET42" s="243"/>
      <c r="EU42" s="244"/>
      <c r="EV42" s="202"/>
      <c r="EW42" s="203"/>
      <c r="EX42" s="203"/>
      <c r="EY42" s="203"/>
      <c r="EZ42" s="203"/>
      <c r="FA42" s="203"/>
      <c r="FB42" s="203"/>
      <c r="FC42" s="203"/>
      <c r="FD42" s="203"/>
      <c r="FE42" s="203"/>
      <c r="FF42" s="203"/>
      <c r="FG42" s="203"/>
      <c r="FH42" s="203"/>
      <c r="FI42" s="203"/>
      <c r="FJ42" s="203"/>
      <c r="FK42" s="203"/>
      <c r="FL42" s="203"/>
      <c r="FM42" s="204"/>
      <c r="FN42" s="193"/>
      <c r="FO42" s="193"/>
      <c r="FP42" s="193"/>
      <c r="FQ42" s="193"/>
      <c r="FR42" s="193"/>
      <c r="FS42" s="193"/>
      <c r="FT42" s="193"/>
      <c r="FU42" s="193"/>
      <c r="FV42" s="193"/>
      <c r="FW42" s="193"/>
      <c r="FX42" s="193"/>
      <c r="FY42" s="193"/>
      <c r="FZ42" s="193"/>
      <c r="GA42" s="193"/>
      <c r="GB42" s="193"/>
      <c r="GC42" s="193"/>
      <c r="GD42" s="193"/>
      <c r="GE42" s="193"/>
      <c r="GF42" s="193"/>
      <c r="GG42" s="193"/>
      <c r="GH42" s="193"/>
      <c r="GI42" s="193"/>
      <c r="GJ42" s="193"/>
      <c r="GK42" s="193"/>
      <c r="GL42" s="193"/>
      <c r="GM42" s="193"/>
      <c r="GN42" s="193"/>
      <c r="GO42" s="193"/>
      <c r="GP42" s="263"/>
      <c r="GQ42" s="264"/>
      <c r="GR42" s="264"/>
      <c r="GS42" s="264"/>
      <c r="GT42" s="264"/>
      <c r="GU42" s="264"/>
      <c r="GV42" s="264"/>
      <c r="GW42" s="264"/>
      <c r="GX42" s="264"/>
      <c r="GY42" s="264"/>
      <c r="GZ42" s="264"/>
      <c r="HA42" s="264"/>
      <c r="HB42" s="264"/>
      <c r="HC42" s="264"/>
      <c r="HD42" s="264"/>
      <c r="HE42" s="264"/>
      <c r="HF42" s="264"/>
      <c r="HG42" s="264"/>
      <c r="HH42" s="264"/>
      <c r="HI42" s="264"/>
      <c r="HJ42" s="264"/>
      <c r="HK42" s="264"/>
      <c r="HL42" s="264"/>
      <c r="HM42" s="264"/>
      <c r="HN42" s="264"/>
      <c r="HO42" s="264"/>
      <c r="HP42" s="264"/>
      <c r="HQ42" s="265"/>
    </row>
    <row r="43" spans="2:225" ht="6" customHeight="1">
      <c r="B43" s="225"/>
      <c r="C43" s="225"/>
      <c r="D43" s="225"/>
      <c r="E43" s="225"/>
      <c r="F43" s="225"/>
      <c r="G43" s="225"/>
      <c r="H43" s="225"/>
      <c r="I43" s="225"/>
      <c r="J43" s="225"/>
      <c r="K43" s="225"/>
      <c r="L43" s="225"/>
      <c r="M43" s="225"/>
      <c r="N43" s="225"/>
      <c r="O43" s="225"/>
      <c r="P43" s="226"/>
      <c r="Q43" s="245"/>
      <c r="R43" s="246"/>
      <c r="S43" s="246"/>
      <c r="T43" s="246"/>
      <c r="U43" s="246"/>
      <c r="V43" s="246"/>
      <c r="W43" s="246"/>
      <c r="X43" s="246"/>
      <c r="Y43" s="246"/>
      <c r="Z43" s="246"/>
      <c r="AA43" s="246"/>
      <c r="AB43" s="246"/>
      <c r="AC43" s="246"/>
      <c r="AD43" s="246"/>
      <c r="AE43" s="246"/>
      <c r="AF43" s="246"/>
      <c r="AG43" s="246"/>
      <c r="AH43" s="246"/>
      <c r="AI43" s="246"/>
      <c r="AJ43" s="246"/>
      <c r="AK43" s="246"/>
      <c r="AL43" s="246"/>
      <c r="AM43" s="246"/>
      <c r="AN43" s="246"/>
      <c r="AO43" s="246"/>
      <c r="AP43" s="246"/>
      <c r="AQ43" s="246"/>
      <c r="AR43" s="246"/>
      <c r="AS43" s="246"/>
      <c r="AT43" s="246"/>
      <c r="AU43" s="246"/>
      <c r="AV43" s="246"/>
      <c r="AW43" s="246"/>
      <c r="AX43" s="246"/>
      <c r="AY43" s="246"/>
      <c r="AZ43" s="246"/>
      <c r="BA43" s="246"/>
      <c r="BB43" s="246"/>
      <c r="BC43" s="246"/>
      <c r="BD43" s="246"/>
      <c r="BE43" s="246"/>
      <c r="BF43" s="246"/>
      <c r="BG43" s="246"/>
      <c r="BH43" s="246"/>
      <c r="BI43" s="246"/>
      <c r="BJ43" s="246"/>
      <c r="BK43" s="246"/>
      <c r="BL43" s="246"/>
      <c r="BM43" s="246"/>
      <c r="BN43" s="246"/>
      <c r="BO43" s="246"/>
      <c r="BP43" s="246"/>
      <c r="BQ43" s="246"/>
      <c r="BR43" s="246"/>
      <c r="BS43" s="246"/>
      <c r="BT43" s="246"/>
      <c r="BU43" s="246"/>
      <c r="BV43" s="246"/>
      <c r="BW43" s="246"/>
      <c r="BX43" s="246"/>
      <c r="BY43" s="246"/>
      <c r="BZ43" s="246"/>
      <c r="CA43" s="246"/>
      <c r="CB43" s="246"/>
      <c r="CC43" s="246"/>
      <c r="CD43" s="246"/>
      <c r="CE43" s="246"/>
      <c r="CF43" s="246"/>
      <c r="CG43" s="247"/>
      <c r="CH43" s="230"/>
      <c r="CI43" s="193"/>
      <c r="CJ43" s="193"/>
      <c r="CK43" s="193"/>
      <c r="CL43" s="193"/>
      <c r="CM43" s="193"/>
      <c r="CN43" s="193"/>
      <c r="CO43" s="193"/>
      <c r="CP43" s="193"/>
      <c r="CQ43" s="193"/>
      <c r="CR43" s="193"/>
      <c r="CS43" s="193"/>
      <c r="CT43" s="193"/>
      <c r="CU43" s="193"/>
      <c r="CV43" s="193"/>
      <c r="CW43" s="193"/>
      <c r="CX43" s="193"/>
      <c r="CY43" s="193"/>
      <c r="CZ43" s="193"/>
      <c r="DA43" s="193"/>
      <c r="DB43" s="193"/>
      <c r="DC43" s="193"/>
      <c r="DD43" s="193"/>
      <c r="DE43" s="193"/>
      <c r="DF43" s="193"/>
      <c r="DG43" s="193"/>
      <c r="DH43" s="193"/>
      <c r="DI43" s="234"/>
      <c r="DJ43" s="234"/>
      <c r="DK43" s="234"/>
      <c r="DL43" s="234"/>
      <c r="DM43" s="234"/>
      <c r="DN43" s="234"/>
      <c r="DO43" s="234"/>
      <c r="DP43" s="234"/>
      <c r="DQ43" s="234"/>
      <c r="DR43" s="234"/>
      <c r="DS43" s="234"/>
      <c r="DT43" s="234"/>
      <c r="DU43" s="215"/>
      <c r="DV43" s="215"/>
      <c r="DW43" s="215"/>
      <c r="DX43" s="215"/>
      <c r="DY43" s="215"/>
      <c r="DZ43" s="215"/>
      <c r="EA43" s="215"/>
      <c r="EB43" s="215"/>
      <c r="EC43" s="215"/>
      <c r="ED43" s="215"/>
      <c r="EE43" s="215"/>
      <c r="EF43" s="215"/>
      <c r="EG43" s="236"/>
      <c r="EH43" s="237"/>
      <c r="EI43" s="237"/>
      <c r="EJ43" s="237"/>
      <c r="EK43" s="237"/>
      <c r="EL43" s="237"/>
      <c r="EM43" s="237"/>
      <c r="EN43" s="237"/>
      <c r="EO43" s="237"/>
      <c r="EP43" s="237"/>
      <c r="EQ43" s="237"/>
      <c r="ER43" s="237"/>
      <c r="ES43" s="237"/>
      <c r="ET43" s="237"/>
      <c r="EU43" s="238"/>
      <c r="EV43" s="196"/>
      <c r="EW43" s="197"/>
      <c r="EX43" s="197"/>
      <c r="EY43" s="197"/>
      <c r="EZ43" s="197"/>
      <c r="FA43" s="197"/>
      <c r="FB43" s="197"/>
      <c r="FC43" s="197"/>
      <c r="FD43" s="197"/>
      <c r="FE43" s="197"/>
      <c r="FF43" s="197"/>
      <c r="FG43" s="197"/>
      <c r="FH43" s="197"/>
      <c r="FI43" s="197"/>
      <c r="FJ43" s="197"/>
      <c r="FK43" s="197"/>
      <c r="FL43" s="197"/>
      <c r="FM43" s="198"/>
      <c r="FN43" s="193"/>
      <c r="FO43" s="193"/>
      <c r="FP43" s="193"/>
      <c r="FQ43" s="193"/>
      <c r="FR43" s="193"/>
      <c r="FS43" s="193"/>
      <c r="FT43" s="193"/>
      <c r="FU43" s="193"/>
      <c r="FV43" s="193"/>
      <c r="FW43" s="193"/>
      <c r="FX43" s="193"/>
      <c r="FY43" s="193"/>
      <c r="FZ43" s="193"/>
      <c r="GA43" s="193"/>
      <c r="GB43" s="193"/>
      <c r="GC43" s="193"/>
      <c r="GD43" s="193"/>
      <c r="GE43" s="193"/>
      <c r="GF43" s="193"/>
      <c r="GG43" s="193"/>
      <c r="GH43" s="193"/>
      <c r="GI43" s="193"/>
      <c r="GJ43" s="193"/>
      <c r="GK43" s="193"/>
      <c r="GL43" s="193"/>
      <c r="GM43" s="193"/>
      <c r="GN43" s="193"/>
      <c r="GO43" s="193"/>
      <c r="GP43" s="257"/>
      <c r="GQ43" s="258"/>
      <c r="GR43" s="258"/>
      <c r="GS43" s="258"/>
      <c r="GT43" s="258"/>
      <c r="GU43" s="258"/>
      <c r="GV43" s="258"/>
      <c r="GW43" s="258"/>
      <c r="GX43" s="258"/>
      <c r="GY43" s="258"/>
      <c r="GZ43" s="258"/>
      <c r="HA43" s="258"/>
      <c r="HB43" s="258"/>
      <c r="HC43" s="258"/>
      <c r="HD43" s="258"/>
      <c r="HE43" s="258"/>
      <c r="HF43" s="258"/>
      <c r="HG43" s="258"/>
      <c r="HH43" s="258"/>
      <c r="HI43" s="258"/>
      <c r="HJ43" s="258"/>
      <c r="HK43" s="258"/>
      <c r="HL43" s="258"/>
      <c r="HM43" s="258"/>
      <c r="HN43" s="258"/>
      <c r="HO43" s="258"/>
      <c r="HP43" s="258"/>
      <c r="HQ43" s="259"/>
    </row>
    <row r="44" spans="2:225" ht="6" customHeight="1">
      <c r="B44" s="225"/>
      <c r="C44" s="225"/>
      <c r="D44" s="225"/>
      <c r="E44" s="225"/>
      <c r="F44" s="225"/>
      <c r="G44" s="225"/>
      <c r="H44" s="225"/>
      <c r="I44" s="225"/>
      <c r="J44" s="225"/>
      <c r="K44" s="225"/>
      <c r="L44" s="225"/>
      <c r="M44" s="225"/>
      <c r="N44" s="225"/>
      <c r="O44" s="225"/>
      <c r="P44" s="226"/>
      <c r="Q44" s="245"/>
      <c r="R44" s="246"/>
      <c r="S44" s="246"/>
      <c r="T44" s="246"/>
      <c r="U44" s="246"/>
      <c r="V44" s="246"/>
      <c r="W44" s="246"/>
      <c r="X44" s="246"/>
      <c r="Y44" s="246"/>
      <c r="Z44" s="246"/>
      <c r="AA44" s="246"/>
      <c r="AB44" s="246"/>
      <c r="AC44" s="246"/>
      <c r="AD44" s="246"/>
      <c r="AE44" s="246"/>
      <c r="AF44" s="246"/>
      <c r="AG44" s="246"/>
      <c r="AH44" s="246"/>
      <c r="AI44" s="246"/>
      <c r="AJ44" s="246"/>
      <c r="AK44" s="246"/>
      <c r="AL44" s="246"/>
      <c r="AM44" s="246"/>
      <c r="AN44" s="246"/>
      <c r="AO44" s="246"/>
      <c r="AP44" s="246"/>
      <c r="AQ44" s="246"/>
      <c r="AR44" s="246"/>
      <c r="AS44" s="246"/>
      <c r="AT44" s="246"/>
      <c r="AU44" s="246"/>
      <c r="AV44" s="246"/>
      <c r="AW44" s="246"/>
      <c r="AX44" s="246"/>
      <c r="AY44" s="246"/>
      <c r="AZ44" s="246"/>
      <c r="BA44" s="246"/>
      <c r="BB44" s="246"/>
      <c r="BC44" s="246"/>
      <c r="BD44" s="246"/>
      <c r="BE44" s="246"/>
      <c r="BF44" s="246"/>
      <c r="BG44" s="246"/>
      <c r="BH44" s="246"/>
      <c r="BI44" s="246"/>
      <c r="BJ44" s="246"/>
      <c r="BK44" s="246"/>
      <c r="BL44" s="246"/>
      <c r="BM44" s="246"/>
      <c r="BN44" s="246"/>
      <c r="BO44" s="246"/>
      <c r="BP44" s="246"/>
      <c r="BQ44" s="246"/>
      <c r="BR44" s="246"/>
      <c r="BS44" s="246"/>
      <c r="BT44" s="246"/>
      <c r="BU44" s="246"/>
      <c r="BV44" s="246"/>
      <c r="BW44" s="246"/>
      <c r="BX44" s="246"/>
      <c r="BY44" s="246"/>
      <c r="BZ44" s="246"/>
      <c r="CA44" s="246"/>
      <c r="CB44" s="246"/>
      <c r="CC44" s="246"/>
      <c r="CD44" s="246"/>
      <c r="CE44" s="246"/>
      <c r="CF44" s="246"/>
      <c r="CG44" s="247"/>
      <c r="CH44" s="230"/>
      <c r="CI44" s="193"/>
      <c r="CJ44" s="193"/>
      <c r="CK44" s="193"/>
      <c r="CL44" s="193"/>
      <c r="CM44" s="193"/>
      <c r="CN44" s="193"/>
      <c r="CO44" s="193"/>
      <c r="CP44" s="193"/>
      <c r="CQ44" s="193"/>
      <c r="CR44" s="193"/>
      <c r="CS44" s="193"/>
      <c r="CT44" s="193"/>
      <c r="CU44" s="193"/>
      <c r="CV44" s="193"/>
      <c r="CW44" s="193"/>
      <c r="CX44" s="193"/>
      <c r="CY44" s="193"/>
      <c r="CZ44" s="193"/>
      <c r="DA44" s="193"/>
      <c r="DB44" s="193"/>
      <c r="DC44" s="193"/>
      <c r="DD44" s="193"/>
      <c r="DE44" s="193"/>
      <c r="DF44" s="193"/>
      <c r="DG44" s="193"/>
      <c r="DH44" s="193"/>
      <c r="DI44" s="234"/>
      <c r="DJ44" s="234"/>
      <c r="DK44" s="234"/>
      <c r="DL44" s="234"/>
      <c r="DM44" s="234"/>
      <c r="DN44" s="234"/>
      <c r="DO44" s="234"/>
      <c r="DP44" s="234"/>
      <c r="DQ44" s="234"/>
      <c r="DR44" s="234"/>
      <c r="DS44" s="234"/>
      <c r="DT44" s="234"/>
      <c r="DU44" s="215"/>
      <c r="DV44" s="215"/>
      <c r="DW44" s="215"/>
      <c r="DX44" s="215"/>
      <c r="DY44" s="215"/>
      <c r="DZ44" s="215"/>
      <c r="EA44" s="215"/>
      <c r="EB44" s="215"/>
      <c r="EC44" s="215"/>
      <c r="ED44" s="215"/>
      <c r="EE44" s="215"/>
      <c r="EF44" s="215"/>
      <c r="EG44" s="239"/>
      <c r="EH44" s="240"/>
      <c r="EI44" s="240"/>
      <c r="EJ44" s="240"/>
      <c r="EK44" s="240"/>
      <c r="EL44" s="240"/>
      <c r="EM44" s="240"/>
      <c r="EN44" s="240"/>
      <c r="EO44" s="240"/>
      <c r="EP44" s="240"/>
      <c r="EQ44" s="240"/>
      <c r="ER44" s="240"/>
      <c r="ES44" s="240"/>
      <c r="ET44" s="240"/>
      <c r="EU44" s="241"/>
      <c r="EV44" s="199"/>
      <c r="EW44" s="200"/>
      <c r="EX44" s="200"/>
      <c r="EY44" s="200"/>
      <c r="EZ44" s="200"/>
      <c r="FA44" s="200"/>
      <c r="FB44" s="200"/>
      <c r="FC44" s="200"/>
      <c r="FD44" s="200"/>
      <c r="FE44" s="200"/>
      <c r="FF44" s="200"/>
      <c r="FG44" s="200"/>
      <c r="FH44" s="200"/>
      <c r="FI44" s="200"/>
      <c r="FJ44" s="200"/>
      <c r="FK44" s="200"/>
      <c r="FL44" s="200"/>
      <c r="FM44" s="201"/>
      <c r="FN44" s="193"/>
      <c r="FO44" s="193"/>
      <c r="FP44" s="193"/>
      <c r="FQ44" s="193"/>
      <c r="FR44" s="193"/>
      <c r="FS44" s="193"/>
      <c r="FT44" s="193"/>
      <c r="FU44" s="193"/>
      <c r="FV44" s="193"/>
      <c r="FW44" s="193"/>
      <c r="FX44" s="193"/>
      <c r="FY44" s="193"/>
      <c r="FZ44" s="193"/>
      <c r="GA44" s="193"/>
      <c r="GB44" s="193"/>
      <c r="GC44" s="193"/>
      <c r="GD44" s="193"/>
      <c r="GE44" s="193"/>
      <c r="GF44" s="193"/>
      <c r="GG44" s="193"/>
      <c r="GH44" s="193"/>
      <c r="GI44" s="193"/>
      <c r="GJ44" s="193"/>
      <c r="GK44" s="193"/>
      <c r="GL44" s="193"/>
      <c r="GM44" s="193"/>
      <c r="GN44" s="193"/>
      <c r="GO44" s="193"/>
      <c r="GP44" s="260"/>
      <c r="GQ44" s="261"/>
      <c r="GR44" s="261"/>
      <c r="GS44" s="261"/>
      <c r="GT44" s="261"/>
      <c r="GU44" s="261"/>
      <c r="GV44" s="261"/>
      <c r="GW44" s="261"/>
      <c r="GX44" s="261"/>
      <c r="GY44" s="261"/>
      <c r="GZ44" s="261"/>
      <c r="HA44" s="261"/>
      <c r="HB44" s="261"/>
      <c r="HC44" s="261"/>
      <c r="HD44" s="261"/>
      <c r="HE44" s="261"/>
      <c r="HF44" s="261"/>
      <c r="HG44" s="261"/>
      <c r="HH44" s="261"/>
      <c r="HI44" s="261"/>
      <c r="HJ44" s="261"/>
      <c r="HK44" s="261"/>
      <c r="HL44" s="261"/>
      <c r="HM44" s="261"/>
      <c r="HN44" s="261"/>
      <c r="HO44" s="261"/>
      <c r="HP44" s="261"/>
      <c r="HQ44" s="262"/>
    </row>
    <row r="45" spans="2:225" ht="6" customHeight="1">
      <c r="B45" s="225"/>
      <c r="C45" s="225"/>
      <c r="D45" s="225"/>
      <c r="E45" s="225"/>
      <c r="F45" s="225"/>
      <c r="G45" s="225"/>
      <c r="H45" s="225"/>
      <c r="I45" s="225"/>
      <c r="J45" s="225"/>
      <c r="K45" s="225"/>
      <c r="L45" s="225"/>
      <c r="M45" s="225"/>
      <c r="N45" s="225"/>
      <c r="O45" s="225"/>
      <c r="P45" s="226"/>
      <c r="Q45" s="245"/>
      <c r="R45" s="246"/>
      <c r="S45" s="246"/>
      <c r="T45" s="246"/>
      <c r="U45" s="246"/>
      <c r="V45" s="246"/>
      <c r="W45" s="246"/>
      <c r="X45" s="246"/>
      <c r="Y45" s="246"/>
      <c r="Z45" s="246"/>
      <c r="AA45" s="246"/>
      <c r="AB45" s="246"/>
      <c r="AC45" s="246"/>
      <c r="AD45" s="246"/>
      <c r="AE45" s="246"/>
      <c r="AF45" s="246"/>
      <c r="AG45" s="246"/>
      <c r="AH45" s="246"/>
      <c r="AI45" s="246"/>
      <c r="AJ45" s="246"/>
      <c r="AK45" s="246"/>
      <c r="AL45" s="246"/>
      <c r="AM45" s="246"/>
      <c r="AN45" s="246"/>
      <c r="AO45" s="246"/>
      <c r="AP45" s="246"/>
      <c r="AQ45" s="246"/>
      <c r="AR45" s="246"/>
      <c r="AS45" s="246"/>
      <c r="AT45" s="246"/>
      <c r="AU45" s="246"/>
      <c r="AV45" s="246"/>
      <c r="AW45" s="246"/>
      <c r="AX45" s="246"/>
      <c r="AY45" s="246"/>
      <c r="AZ45" s="246"/>
      <c r="BA45" s="246"/>
      <c r="BB45" s="246"/>
      <c r="BC45" s="246"/>
      <c r="BD45" s="246"/>
      <c r="BE45" s="246"/>
      <c r="BF45" s="246"/>
      <c r="BG45" s="246"/>
      <c r="BH45" s="246"/>
      <c r="BI45" s="246"/>
      <c r="BJ45" s="246"/>
      <c r="BK45" s="246"/>
      <c r="BL45" s="246"/>
      <c r="BM45" s="246"/>
      <c r="BN45" s="246"/>
      <c r="BO45" s="246"/>
      <c r="BP45" s="246"/>
      <c r="BQ45" s="246"/>
      <c r="BR45" s="246"/>
      <c r="BS45" s="246"/>
      <c r="BT45" s="246"/>
      <c r="BU45" s="246"/>
      <c r="BV45" s="246"/>
      <c r="BW45" s="246"/>
      <c r="BX45" s="246"/>
      <c r="BY45" s="246"/>
      <c r="BZ45" s="246"/>
      <c r="CA45" s="246"/>
      <c r="CB45" s="246"/>
      <c r="CC45" s="246"/>
      <c r="CD45" s="246"/>
      <c r="CE45" s="246"/>
      <c r="CF45" s="246"/>
      <c r="CG45" s="247"/>
      <c r="CH45" s="230"/>
      <c r="CI45" s="193"/>
      <c r="CJ45" s="193"/>
      <c r="CK45" s="193"/>
      <c r="CL45" s="193"/>
      <c r="CM45" s="193"/>
      <c r="CN45" s="193"/>
      <c r="CO45" s="193"/>
      <c r="CP45" s="193"/>
      <c r="CQ45" s="193"/>
      <c r="CR45" s="193"/>
      <c r="CS45" s="193"/>
      <c r="CT45" s="193"/>
      <c r="CU45" s="193"/>
      <c r="CV45" s="193"/>
      <c r="CW45" s="193"/>
      <c r="CX45" s="193"/>
      <c r="CY45" s="193"/>
      <c r="CZ45" s="193"/>
      <c r="DA45" s="193"/>
      <c r="DB45" s="193"/>
      <c r="DC45" s="193"/>
      <c r="DD45" s="193"/>
      <c r="DE45" s="193"/>
      <c r="DF45" s="193"/>
      <c r="DG45" s="193"/>
      <c r="DH45" s="193"/>
      <c r="DI45" s="234"/>
      <c r="DJ45" s="234"/>
      <c r="DK45" s="234"/>
      <c r="DL45" s="234"/>
      <c r="DM45" s="234"/>
      <c r="DN45" s="234"/>
      <c r="DO45" s="234"/>
      <c r="DP45" s="234"/>
      <c r="DQ45" s="234"/>
      <c r="DR45" s="234"/>
      <c r="DS45" s="234"/>
      <c r="DT45" s="234"/>
      <c r="DU45" s="215"/>
      <c r="DV45" s="215"/>
      <c r="DW45" s="215"/>
      <c r="DX45" s="215"/>
      <c r="DY45" s="215"/>
      <c r="DZ45" s="215"/>
      <c r="EA45" s="215"/>
      <c r="EB45" s="215"/>
      <c r="EC45" s="215"/>
      <c r="ED45" s="215"/>
      <c r="EE45" s="215"/>
      <c r="EF45" s="215"/>
      <c r="EG45" s="239"/>
      <c r="EH45" s="240"/>
      <c r="EI45" s="240"/>
      <c r="EJ45" s="240"/>
      <c r="EK45" s="240"/>
      <c r="EL45" s="240"/>
      <c r="EM45" s="240"/>
      <c r="EN45" s="240"/>
      <c r="EO45" s="240"/>
      <c r="EP45" s="240"/>
      <c r="EQ45" s="240"/>
      <c r="ER45" s="240"/>
      <c r="ES45" s="240"/>
      <c r="ET45" s="240"/>
      <c r="EU45" s="241"/>
      <c r="EV45" s="199"/>
      <c r="EW45" s="200"/>
      <c r="EX45" s="200"/>
      <c r="EY45" s="200"/>
      <c r="EZ45" s="200"/>
      <c r="FA45" s="200"/>
      <c r="FB45" s="200"/>
      <c r="FC45" s="200"/>
      <c r="FD45" s="200"/>
      <c r="FE45" s="200"/>
      <c r="FF45" s="200"/>
      <c r="FG45" s="200"/>
      <c r="FH45" s="200"/>
      <c r="FI45" s="200"/>
      <c r="FJ45" s="200"/>
      <c r="FK45" s="200"/>
      <c r="FL45" s="200"/>
      <c r="FM45" s="201"/>
      <c r="FN45" s="193"/>
      <c r="FO45" s="193"/>
      <c r="FP45" s="193"/>
      <c r="FQ45" s="193"/>
      <c r="FR45" s="193"/>
      <c r="FS45" s="193"/>
      <c r="FT45" s="193"/>
      <c r="FU45" s="193"/>
      <c r="FV45" s="193"/>
      <c r="FW45" s="193"/>
      <c r="FX45" s="193"/>
      <c r="FY45" s="193"/>
      <c r="FZ45" s="193"/>
      <c r="GA45" s="193"/>
      <c r="GB45" s="193"/>
      <c r="GC45" s="193"/>
      <c r="GD45" s="193"/>
      <c r="GE45" s="193"/>
      <c r="GF45" s="193"/>
      <c r="GG45" s="193"/>
      <c r="GH45" s="193"/>
      <c r="GI45" s="193"/>
      <c r="GJ45" s="193"/>
      <c r="GK45" s="193"/>
      <c r="GL45" s="193"/>
      <c r="GM45" s="193"/>
      <c r="GN45" s="193"/>
      <c r="GO45" s="193"/>
      <c r="GP45" s="260"/>
      <c r="GQ45" s="261"/>
      <c r="GR45" s="261"/>
      <c r="GS45" s="261"/>
      <c r="GT45" s="261"/>
      <c r="GU45" s="261"/>
      <c r="GV45" s="261"/>
      <c r="GW45" s="261"/>
      <c r="GX45" s="261"/>
      <c r="GY45" s="261"/>
      <c r="GZ45" s="261"/>
      <c r="HA45" s="261"/>
      <c r="HB45" s="261"/>
      <c r="HC45" s="261"/>
      <c r="HD45" s="261"/>
      <c r="HE45" s="261"/>
      <c r="HF45" s="261"/>
      <c r="HG45" s="261"/>
      <c r="HH45" s="261"/>
      <c r="HI45" s="261"/>
      <c r="HJ45" s="261"/>
      <c r="HK45" s="261"/>
      <c r="HL45" s="261"/>
      <c r="HM45" s="261"/>
      <c r="HN45" s="261"/>
      <c r="HO45" s="261"/>
      <c r="HP45" s="261"/>
      <c r="HQ45" s="262"/>
    </row>
    <row r="46" spans="2:225" ht="6" customHeight="1">
      <c r="B46" s="225"/>
      <c r="C46" s="225"/>
      <c r="D46" s="225"/>
      <c r="E46" s="225"/>
      <c r="F46" s="225"/>
      <c r="G46" s="225"/>
      <c r="H46" s="225"/>
      <c r="I46" s="225"/>
      <c r="J46" s="225"/>
      <c r="K46" s="225"/>
      <c r="L46" s="225"/>
      <c r="M46" s="225"/>
      <c r="N46" s="225"/>
      <c r="O46" s="225"/>
      <c r="P46" s="226"/>
      <c r="Q46" s="245"/>
      <c r="R46" s="246"/>
      <c r="S46" s="246"/>
      <c r="T46" s="246"/>
      <c r="U46" s="246"/>
      <c r="V46" s="246"/>
      <c r="W46" s="246"/>
      <c r="X46" s="246"/>
      <c r="Y46" s="246"/>
      <c r="Z46" s="246"/>
      <c r="AA46" s="246"/>
      <c r="AB46" s="246"/>
      <c r="AC46" s="246"/>
      <c r="AD46" s="246"/>
      <c r="AE46" s="246"/>
      <c r="AF46" s="246"/>
      <c r="AG46" s="246"/>
      <c r="AH46" s="246"/>
      <c r="AI46" s="246"/>
      <c r="AJ46" s="246"/>
      <c r="AK46" s="246"/>
      <c r="AL46" s="246"/>
      <c r="AM46" s="246"/>
      <c r="AN46" s="246"/>
      <c r="AO46" s="246"/>
      <c r="AP46" s="246"/>
      <c r="AQ46" s="246"/>
      <c r="AR46" s="246"/>
      <c r="AS46" s="246"/>
      <c r="AT46" s="246"/>
      <c r="AU46" s="246"/>
      <c r="AV46" s="246"/>
      <c r="AW46" s="246"/>
      <c r="AX46" s="246"/>
      <c r="AY46" s="246"/>
      <c r="AZ46" s="246"/>
      <c r="BA46" s="246"/>
      <c r="BB46" s="246"/>
      <c r="BC46" s="246"/>
      <c r="BD46" s="246"/>
      <c r="BE46" s="246"/>
      <c r="BF46" s="246"/>
      <c r="BG46" s="246"/>
      <c r="BH46" s="246"/>
      <c r="BI46" s="246"/>
      <c r="BJ46" s="246"/>
      <c r="BK46" s="246"/>
      <c r="BL46" s="246"/>
      <c r="BM46" s="246"/>
      <c r="BN46" s="246"/>
      <c r="BO46" s="246"/>
      <c r="BP46" s="246"/>
      <c r="BQ46" s="246"/>
      <c r="BR46" s="246"/>
      <c r="BS46" s="246"/>
      <c r="BT46" s="246"/>
      <c r="BU46" s="246"/>
      <c r="BV46" s="246"/>
      <c r="BW46" s="246"/>
      <c r="BX46" s="246"/>
      <c r="BY46" s="246"/>
      <c r="BZ46" s="246"/>
      <c r="CA46" s="246"/>
      <c r="CB46" s="246"/>
      <c r="CC46" s="246"/>
      <c r="CD46" s="246"/>
      <c r="CE46" s="246"/>
      <c r="CF46" s="246"/>
      <c r="CG46" s="247"/>
      <c r="CH46" s="230"/>
      <c r="CI46" s="193"/>
      <c r="CJ46" s="193"/>
      <c r="CK46" s="193"/>
      <c r="CL46" s="193"/>
      <c r="CM46" s="193"/>
      <c r="CN46" s="193"/>
      <c r="CO46" s="193"/>
      <c r="CP46" s="193"/>
      <c r="CQ46" s="193"/>
      <c r="CR46" s="193"/>
      <c r="CS46" s="193"/>
      <c r="CT46" s="193"/>
      <c r="CU46" s="193"/>
      <c r="CV46" s="193"/>
      <c r="CW46" s="193"/>
      <c r="CX46" s="193"/>
      <c r="CY46" s="193"/>
      <c r="CZ46" s="193"/>
      <c r="DA46" s="193"/>
      <c r="DB46" s="193"/>
      <c r="DC46" s="193"/>
      <c r="DD46" s="193"/>
      <c r="DE46" s="193"/>
      <c r="DF46" s="193"/>
      <c r="DG46" s="193"/>
      <c r="DH46" s="193"/>
      <c r="DI46" s="234"/>
      <c r="DJ46" s="234"/>
      <c r="DK46" s="234"/>
      <c r="DL46" s="234"/>
      <c r="DM46" s="234"/>
      <c r="DN46" s="234"/>
      <c r="DO46" s="234"/>
      <c r="DP46" s="234"/>
      <c r="DQ46" s="234"/>
      <c r="DR46" s="234"/>
      <c r="DS46" s="234"/>
      <c r="DT46" s="234"/>
      <c r="DU46" s="215"/>
      <c r="DV46" s="215"/>
      <c r="DW46" s="215"/>
      <c r="DX46" s="215"/>
      <c r="DY46" s="215"/>
      <c r="DZ46" s="215"/>
      <c r="EA46" s="215"/>
      <c r="EB46" s="215"/>
      <c r="EC46" s="215"/>
      <c r="ED46" s="215"/>
      <c r="EE46" s="215"/>
      <c r="EF46" s="215"/>
      <c r="EG46" s="242"/>
      <c r="EH46" s="243"/>
      <c r="EI46" s="243"/>
      <c r="EJ46" s="243"/>
      <c r="EK46" s="243"/>
      <c r="EL46" s="243"/>
      <c r="EM46" s="243"/>
      <c r="EN46" s="243"/>
      <c r="EO46" s="243"/>
      <c r="EP46" s="243"/>
      <c r="EQ46" s="243"/>
      <c r="ER46" s="243"/>
      <c r="ES46" s="243"/>
      <c r="ET46" s="243"/>
      <c r="EU46" s="244"/>
      <c r="EV46" s="202"/>
      <c r="EW46" s="203"/>
      <c r="EX46" s="203"/>
      <c r="EY46" s="203"/>
      <c r="EZ46" s="203"/>
      <c r="FA46" s="203"/>
      <c r="FB46" s="203"/>
      <c r="FC46" s="203"/>
      <c r="FD46" s="203"/>
      <c r="FE46" s="203"/>
      <c r="FF46" s="203"/>
      <c r="FG46" s="203"/>
      <c r="FH46" s="203"/>
      <c r="FI46" s="203"/>
      <c r="FJ46" s="203"/>
      <c r="FK46" s="203"/>
      <c r="FL46" s="203"/>
      <c r="FM46" s="204"/>
      <c r="FN46" s="193"/>
      <c r="FO46" s="193"/>
      <c r="FP46" s="193"/>
      <c r="FQ46" s="193"/>
      <c r="FR46" s="193"/>
      <c r="FS46" s="193"/>
      <c r="FT46" s="193"/>
      <c r="FU46" s="193"/>
      <c r="FV46" s="193"/>
      <c r="FW46" s="193"/>
      <c r="FX46" s="193"/>
      <c r="FY46" s="193"/>
      <c r="FZ46" s="193"/>
      <c r="GA46" s="193"/>
      <c r="GB46" s="193"/>
      <c r="GC46" s="193"/>
      <c r="GD46" s="193"/>
      <c r="GE46" s="193"/>
      <c r="GF46" s="193"/>
      <c r="GG46" s="193"/>
      <c r="GH46" s="193"/>
      <c r="GI46" s="193"/>
      <c r="GJ46" s="193"/>
      <c r="GK46" s="193"/>
      <c r="GL46" s="193"/>
      <c r="GM46" s="193"/>
      <c r="GN46" s="193"/>
      <c r="GO46" s="193"/>
      <c r="GP46" s="263"/>
      <c r="GQ46" s="264"/>
      <c r="GR46" s="264"/>
      <c r="GS46" s="264"/>
      <c r="GT46" s="264"/>
      <c r="GU46" s="264"/>
      <c r="GV46" s="264"/>
      <c r="GW46" s="264"/>
      <c r="GX46" s="264"/>
      <c r="GY46" s="264"/>
      <c r="GZ46" s="264"/>
      <c r="HA46" s="264"/>
      <c r="HB46" s="264"/>
      <c r="HC46" s="264"/>
      <c r="HD46" s="264"/>
      <c r="HE46" s="264"/>
      <c r="HF46" s="264"/>
      <c r="HG46" s="264"/>
      <c r="HH46" s="264"/>
      <c r="HI46" s="264"/>
      <c r="HJ46" s="264"/>
      <c r="HK46" s="264"/>
      <c r="HL46" s="264"/>
      <c r="HM46" s="264"/>
      <c r="HN46" s="264"/>
      <c r="HO46" s="264"/>
      <c r="HP46" s="264"/>
      <c r="HQ46" s="265"/>
    </row>
    <row r="47" spans="2:225" ht="6" customHeight="1">
      <c r="B47" s="225"/>
      <c r="C47" s="225"/>
      <c r="D47" s="225"/>
      <c r="E47" s="225"/>
      <c r="F47" s="225"/>
      <c r="G47" s="225"/>
      <c r="H47" s="225"/>
      <c r="I47" s="225"/>
      <c r="J47" s="225"/>
      <c r="K47" s="225"/>
      <c r="L47" s="225"/>
      <c r="M47" s="225"/>
      <c r="N47" s="225"/>
      <c r="O47" s="225"/>
      <c r="P47" s="226"/>
      <c r="Q47" s="245"/>
      <c r="R47" s="246"/>
      <c r="S47" s="246"/>
      <c r="T47" s="246"/>
      <c r="U47" s="246"/>
      <c r="V47" s="246"/>
      <c r="W47" s="246"/>
      <c r="X47" s="246"/>
      <c r="Y47" s="246"/>
      <c r="Z47" s="246"/>
      <c r="AA47" s="246"/>
      <c r="AB47" s="246"/>
      <c r="AC47" s="246"/>
      <c r="AD47" s="246"/>
      <c r="AE47" s="246"/>
      <c r="AF47" s="246"/>
      <c r="AG47" s="246"/>
      <c r="AH47" s="246"/>
      <c r="AI47" s="246"/>
      <c r="AJ47" s="246"/>
      <c r="AK47" s="246"/>
      <c r="AL47" s="246"/>
      <c r="AM47" s="246"/>
      <c r="AN47" s="246"/>
      <c r="AO47" s="246"/>
      <c r="AP47" s="246"/>
      <c r="AQ47" s="246"/>
      <c r="AR47" s="246"/>
      <c r="AS47" s="246"/>
      <c r="AT47" s="246"/>
      <c r="AU47" s="246"/>
      <c r="AV47" s="246"/>
      <c r="AW47" s="246"/>
      <c r="AX47" s="246"/>
      <c r="AY47" s="246"/>
      <c r="AZ47" s="246"/>
      <c r="BA47" s="246"/>
      <c r="BB47" s="246"/>
      <c r="BC47" s="246"/>
      <c r="BD47" s="246"/>
      <c r="BE47" s="246"/>
      <c r="BF47" s="246"/>
      <c r="BG47" s="246"/>
      <c r="BH47" s="246"/>
      <c r="BI47" s="246"/>
      <c r="BJ47" s="246"/>
      <c r="BK47" s="246"/>
      <c r="BL47" s="246"/>
      <c r="BM47" s="246"/>
      <c r="BN47" s="246"/>
      <c r="BO47" s="246"/>
      <c r="BP47" s="246"/>
      <c r="BQ47" s="246"/>
      <c r="BR47" s="246"/>
      <c r="BS47" s="246"/>
      <c r="BT47" s="246"/>
      <c r="BU47" s="246"/>
      <c r="BV47" s="246"/>
      <c r="BW47" s="246"/>
      <c r="BX47" s="246"/>
      <c r="BY47" s="246"/>
      <c r="BZ47" s="246"/>
      <c r="CA47" s="246"/>
      <c r="CB47" s="246"/>
      <c r="CC47" s="246"/>
      <c r="CD47" s="246"/>
      <c r="CE47" s="246"/>
      <c r="CF47" s="246"/>
      <c r="CG47" s="247"/>
      <c r="CH47" s="230"/>
      <c r="CI47" s="193"/>
      <c r="CJ47" s="193"/>
      <c r="CK47" s="193"/>
      <c r="CL47" s="193"/>
      <c r="CM47" s="193"/>
      <c r="CN47" s="193"/>
      <c r="CO47" s="193"/>
      <c r="CP47" s="193"/>
      <c r="CQ47" s="193"/>
      <c r="CR47" s="193"/>
      <c r="CS47" s="193"/>
      <c r="CT47" s="193"/>
      <c r="CU47" s="193"/>
      <c r="CV47" s="193"/>
      <c r="CW47" s="193"/>
      <c r="CX47" s="193"/>
      <c r="CY47" s="193"/>
      <c r="CZ47" s="193"/>
      <c r="DA47" s="193"/>
      <c r="DB47" s="193"/>
      <c r="DC47" s="193"/>
      <c r="DD47" s="193"/>
      <c r="DE47" s="193"/>
      <c r="DF47" s="193"/>
      <c r="DG47" s="193"/>
      <c r="DH47" s="193"/>
      <c r="DI47" s="234"/>
      <c r="DJ47" s="234"/>
      <c r="DK47" s="234"/>
      <c r="DL47" s="234"/>
      <c r="DM47" s="234"/>
      <c r="DN47" s="234"/>
      <c r="DO47" s="234"/>
      <c r="DP47" s="234"/>
      <c r="DQ47" s="234"/>
      <c r="DR47" s="234"/>
      <c r="DS47" s="234"/>
      <c r="DT47" s="234"/>
      <c r="DU47" s="215"/>
      <c r="DV47" s="215"/>
      <c r="DW47" s="215"/>
      <c r="DX47" s="215"/>
      <c r="DY47" s="215"/>
      <c r="DZ47" s="215"/>
      <c r="EA47" s="215"/>
      <c r="EB47" s="215"/>
      <c r="EC47" s="215"/>
      <c r="ED47" s="215"/>
      <c r="EE47" s="215"/>
      <c r="EF47" s="215"/>
      <c r="EG47" s="216"/>
      <c r="EH47" s="217"/>
      <c r="EI47" s="217"/>
      <c r="EJ47" s="217"/>
      <c r="EK47" s="217"/>
      <c r="EL47" s="217"/>
      <c r="EM47" s="217"/>
      <c r="EN47" s="217"/>
      <c r="EO47" s="217"/>
      <c r="EP47" s="217"/>
      <c r="EQ47" s="217"/>
      <c r="ER47" s="217"/>
      <c r="ES47" s="217"/>
      <c r="ET47" s="217"/>
      <c r="EU47" s="218"/>
      <c r="EV47" s="196"/>
      <c r="EW47" s="197"/>
      <c r="EX47" s="197"/>
      <c r="EY47" s="197"/>
      <c r="EZ47" s="197"/>
      <c r="FA47" s="197"/>
      <c r="FB47" s="197"/>
      <c r="FC47" s="197"/>
      <c r="FD47" s="197"/>
      <c r="FE47" s="197"/>
      <c r="FF47" s="197"/>
      <c r="FG47" s="197"/>
      <c r="FH47" s="197"/>
      <c r="FI47" s="197"/>
      <c r="FJ47" s="197"/>
      <c r="FK47" s="197"/>
      <c r="FL47" s="197"/>
      <c r="FM47" s="198"/>
      <c r="FN47" s="193"/>
      <c r="FO47" s="193"/>
      <c r="FP47" s="193"/>
      <c r="FQ47" s="193"/>
      <c r="FR47" s="193"/>
      <c r="FS47" s="193"/>
      <c r="FT47" s="193"/>
      <c r="FU47" s="193"/>
      <c r="FV47" s="193"/>
      <c r="FW47" s="193"/>
      <c r="FX47" s="193"/>
      <c r="FY47" s="193"/>
      <c r="FZ47" s="193"/>
      <c r="GA47" s="193"/>
      <c r="GB47" s="193"/>
      <c r="GC47" s="193"/>
      <c r="GD47" s="193"/>
      <c r="GE47" s="193"/>
      <c r="GF47" s="193"/>
      <c r="GG47" s="193"/>
      <c r="GH47" s="193"/>
      <c r="GI47" s="193"/>
      <c r="GJ47" s="193"/>
      <c r="GK47" s="193"/>
      <c r="GL47" s="193"/>
      <c r="GM47" s="193"/>
      <c r="GN47" s="193"/>
      <c r="GO47" s="193"/>
      <c r="GP47" s="205"/>
      <c r="GQ47" s="206"/>
      <c r="GR47" s="206"/>
      <c r="GS47" s="206"/>
      <c r="GT47" s="206"/>
      <c r="GU47" s="206"/>
      <c r="GV47" s="206"/>
      <c r="GW47" s="206"/>
      <c r="GX47" s="206"/>
      <c r="GY47" s="206"/>
      <c r="GZ47" s="206"/>
      <c r="HA47" s="206"/>
      <c r="HB47" s="206"/>
      <c r="HC47" s="206"/>
      <c r="HD47" s="206"/>
      <c r="HE47" s="206"/>
      <c r="HF47" s="206"/>
      <c r="HG47" s="206"/>
      <c r="HH47" s="206"/>
      <c r="HI47" s="206"/>
      <c r="HJ47" s="206"/>
      <c r="HK47" s="206"/>
      <c r="HL47" s="206"/>
      <c r="HM47" s="206"/>
      <c r="HN47" s="206"/>
      <c r="HO47" s="206"/>
      <c r="HP47" s="206"/>
      <c r="HQ47" s="207"/>
    </row>
    <row r="48" spans="2:225" ht="6" customHeight="1">
      <c r="B48" s="225"/>
      <c r="C48" s="225"/>
      <c r="D48" s="225"/>
      <c r="E48" s="225"/>
      <c r="F48" s="225"/>
      <c r="G48" s="225"/>
      <c r="H48" s="225"/>
      <c r="I48" s="225"/>
      <c r="J48" s="225"/>
      <c r="K48" s="225"/>
      <c r="L48" s="225"/>
      <c r="M48" s="225"/>
      <c r="N48" s="225"/>
      <c r="O48" s="225"/>
      <c r="P48" s="226"/>
      <c r="Q48" s="245"/>
      <c r="R48" s="246"/>
      <c r="S48" s="246"/>
      <c r="T48" s="246"/>
      <c r="U48" s="246"/>
      <c r="V48" s="246"/>
      <c r="W48" s="246"/>
      <c r="X48" s="246"/>
      <c r="Y48" s="246"/>
      <c r="Z48" s="246"/>
      <c r="AA48" s="246"/>
      <c r="AB48" s="246"/>
      <c r="AC48" s="246"/>
      <c r="AD48" s="246"/>
      <c r="AE48" s="246"/>
      <c r="AF48" s="246"/>
      <c r="AG48" s="246"/>
      <c r="AH48" s="246"/>
      <c r="AI48" s="246"/>
      <c r="AJ48" s="246"/>
      <c r="AK48" s="246"/>
      <c r="AL48" s="246"/>
      <c r="AM48" s="246"/>
      <c r="AN48" s="246"/>
      <c r="AO48" s="246"/>
      <c r="AP48" s="246"/>
      <c r="AQ48" s="246"/>
      <c r="AR48" s="246"/>
      <c r="AS48" s="246"/>
      <c r="AT48" s="246"/>
      <c r="AU48" s="246"/>
      <c r="AV48" s="246"/>
      <c r="AW48" s="246"/>
      <c r="AX48" s="246"/>
      <c r="AY48" s="246"/>
      <c r="AZ48" s="246"/>
      <c r="BA48" s="246"/>
      <c r="BB48" s="246"/>
      <c r="BC48" s="246"/>
      <c r="BD48" s="246"/>
      <c r="BE48" s="246"/>
      <c r="BF48" s="246"/>
      <c r="BG48" s="246"/>
      <c r="BH48" s="246"/>
      <c r="BI48" s="246"/>
      <c r="BJ48" s="246"/>
      <c r="BK48" s="246"/>
      <c r="BL48" s="246"/>
      <c r="BM48" s="246"/>
      <c r="BN48" s="246"/>
      <c r="BO48" s="246"/>
      <c r="BP48" s="246"/>
      <c r="BQ48" s="246"/>
      <c r="BR48" s="246"/>
      <c r="BS48" s="246"/>
      <c r="BT48" s="246"/>
      <c r="BU48" s="246"/>
      <c r="BV48" s="246"/>
      <c r="BW48" s="246"/>
      <c r="BX48" s="246"/>
      <c r="BY48" s="246"/>
      <c r="BZ48" s="246"/>
      <c r="CA48" s="246"/>
      <c r="CB48" s="246"/>
      <c r="CC48" s="246"/>
      <c r="CD48" s="246"/>
      <c r="CE48" s="246"/>
      <c r="CF48" s="246"/>
      <c r="CG48" s="247"/>
      <c r="CH48" s="230"/>
      <c r="CI48" s="193"/>
      <c r="CJ48" s="193"/>
      <c r="CK48" s="193"/>
      <c r="CL48" s="193"/>
      <c r="CM48" s="193"/>
      <c r="CN48" s="193"/>
      <c r="CO48" s="193"/>
      <c r="CP48" s="193"/>
      <c r="CQ48" s="193"/>
      <c r="CR48" s="193"/>
      <c r="CS48" s="193"/>
      <c r="CT48" s="193"/>
      <c r="CU48" s="193"/>
      <c r="CV48" s="193"/>
      <c r="CW48" s="193"/>
      <c r="CX48" s="193"/>
      <c r="CY48" s="193"/>
      <c r="CZ48" s="193"/>
      <c r="DA48" s="193"/>
      <c r="DB48" s="193"/>
      <c r="DC48" s="193"/>
      <c r="DD48" s="193"/>
      <c r="DE48" s="193"/>
      <c r="DF48" s="193"/>
      <c r="DG48" s="193"/>
      <c r="DH48" s="193"/>
      <c r="DI48" s="234"/>
      <c r="DJ48" s="234"/>
      <c r="DK48" s="234"/>
      <c r="DL48" s="234"/>
      <c r="DM48" s="234"/>
      <c r="DN48" s="234"/>
      <c r="DO48" s="234"/>
      <c r="DP48" s="234"/>
      <c r="DQ48" s="234"/>
      <c r="DR48" s="234"/>
      <c r="DS48" s="234"/>
      <c r="DT48" s="234"/>
      <c r="DU48" s="215"/>
      <c r="DV48" s="215"/>
      <c r="DW48" s="215"/>
      <c r="DX48" s="215"/>
      <c r="DY48" s="215"/>
      <c r="DZ48" s="215"/>
      <c r="EA48" s="215"/>
      <c r="EB48" s="215"/>
      <c r="EC48" s="215"/>
      <c r="ED48" s="215"/>
      <c r="EE48" s="215"/>
      <c r="EF48" s="215"/>
      <c r="EG48" s="219"/>
      <c r="EH48" s="220"/>
      <c r="EI48" s="220"/>
      <c r="EJ48" s="220"/>
      <c r="EK48" s="220"/>
      <c r="EL48" s="220"/>
      <c r="EM48" s="220"/>
      <c r="EN48" s="220"/>
      <c r="EO48" s="220"/>
      <c r="EP48" s="220"/>
      <c r="EQ48" s="220"/>
      <c r="ER48" s="220"/>
      <c r="ES48" s="220"/>
      <c r="ET48" s="220"/>
      <c r="EU48" s="221"/>
      <c r="EV48" s="199"/>
      <c r="EW48" s="200"/>
      <c r="EX48" s="200"/>
      <c r="EY48" s="200"/>
      <c r="EZ48" s="200"/>
      <c r="FA48" s="200"/>
      <c r="FB48" s="200"/>
      <c r="FC48" s="200"/>
      <c r="FD48" s="200"/>
      <c r="FE48" s="200"/>
      <c r="FF48" s="200"/>
      <c r="FG48" s="200"/>
      <c r="FH48" s="200"/>
      <c r="FI48" s="200"/>
      <c r="FJ48" s="200"/>
      <c r="FK48" s="200"/>
      <c r="FL48" s="200"/>
      <c r="FM48" s="201"/>
      <c r="FN48" s="193"/>
      <c r="FO48" s="193"/>
      <c r="FP48" s="193"/>
      <c r="FQ48" s="193"/>
      <c r="FR48" s="193"/>
      <c r="FS48" s="193"/>
      <c r="FT48" s="193"/>
      <c r="FU48" s="193"/>
      <c r="FV48" s="193"/>
      <c r="FW48" s="193"/>
      <c r="FX48" s="193"/>
      <c r="FY48" s="193"/>
      <c r="FZ48" s="193"/>
      <c r="GA48" s="193"/>
      <c r="GB48" s="193"/>
      <c r="GC48" s="193"/>
      <c r="GD48" s="193"/>
      <c r="GE48" s="193"/>
      <c r="GF48" s="193"/>
      <c r="GG48" s="193"/>
      <c r="GH48" s="193"/>
      <c r="GI48" s="193"/>
      <c r="GJ48" s="193"/>
      <c r="GK48" s="193"/>
      <c r="GL48" s="193"/>
      <c r="GM48" s="193"/>
      <c r="GN48" s="193"/>
      <c r="GO48" s="193"/>
      <c r="GP48" s="208"/>
      <c r="GQ48" s="209"/>
      <c r="GR48" s="209"/>
      <c r="GS48" s="209"/>
      <c r="GT48" s="209"/>
      <c r="GU48" s="209"/>
      <c r="GV48" s="209"/>
      <c r="GW48" s="209"/>
      <c r="GX48" s="209"/>
      <c r="GY48" s="209"/>
      <c r="GZ48" s="209"/>
      <c r="HA48" s="209"/>
      <c r="HB48" s="209"/>
      <c r="HC48" s="209"/>
      <c r="HD48" s="209"/>
      <c r="HE48" s="209"/>
      <c r="HF48" s="209"/>
      <c r="HG48" s="209"/>
      <c r="HH48" s="209"/>
      <c r="HI48" s="209"/>
      <c r="HJ48" s="209"/>
      <c r="HK48" s="209"/>
      <c r="HL48" s="209"/>
      <c r="HM48" s="209"/>
      <c r="HN48" s="209"/>
      <c r="HO48" s="209"/>
      <c r="HP48" s="209"/>
      <c r="HQ48" s="210"/>
    </row>
    <row r="49" spans="2:225" ht="6" customHeight="1">
      <c r="B49" s="225"/>
      <c r="C49" s="225"/>
      <c r="D49" s="225"/>
      <c r="E49" s="225"/>
      <c r="F49" s="225"/>
      <c r="G49" s="225"/>
      <c r="H49" s="225"/>
      <c r="I49" s="225"/>
      <c r="J49" s="225"/>
      <c r="K49" s="225"/>
      <c r="L49" s="225"/>
      <c r="M49" s="225"/>
      <c r="N49" s="225"/>
      <c r="O49" s="225"/>
      <c r="P49" s="226"/>
      <c r="Q49" s="245"/>
      <c r="R49" s="246"/>
      <c r="S49" s="246"/>
      <c r="T49" s="246"/>
      <c r="U49" s="246"/>
      <c r="V49" s="246"/>
      <c r="W49" s="246"/>
      <c r="X49" s="246"/>
      <c r="Y49" s="246"/>
      <c r="Z49" s="246"/>
      <c r="AA49" s="246"/>
      <c r="AB49" s="246"/>
      <c r="AC49" s="246"/>
      <c r="AD49" s="246"/>
      <c r="AE49" s="246"/>
      <c r="AF49" s="246"/>
      <c r="AG49" s="246"/>
      <c r="AH49" s="246"/>
      <c r="AI49" s="246"/>
      <c r="AJ49" s="246"/>
      <c r="AK49" s="246"/>
      <c r="AL49" s="246"/>
      <c r="AM49" s="246"/>
      <c r="AN49" s="246"/>
      <c r="AO49" s="246"/>
      <c r="AP49" s="246"/>
      <c r="AQ49" s="246"/>
      <c r="AR49" s="246"/>
      <c r="AS49" s="246"/>
      <c r="AT49" s="246"/>
      <c r="AU49" s="246"/>
      <c r="AV49" s="246"/>
      <c r="AW49" s="246"/>
      <c r="AX49" s="246"/>
      <c r="AY49" s="246"/>
      <c r="AZ49" s="246"/>
      <c r="BA49" s="246"/>
      <c r="BB49" s="246"/>
      <c r="BC49" s="246"/>
      <c r="BD49" s="246"/>
      <c r="BE49" s="246"/>
      <c r="BF49" s="246"/>
      <c r="BG49" s="246"/>
      <c r="BH49" s="246"/>
      <c r="BI49" s="246"/>
      <c r="BJ49" s="246"/>
      <c r="BK49" s="246"/>
      <c r="BL49" s="246"/>
      <c r="BM49" s="246"/>
      <c r="BN49" s="246"/>
      <c r="BO49" s="246"/>
      <c r="BP49" s="246"/>
      <c r="BQ49" s="246"/>
      <c r="BR49" s="246"/>
      <c r="BS49" s="246"/>
      <c r="BT49" s="246"/>
      <c r="BU49" s="246"/>
      <c r="BV49" s="246"/>
      <c r="BW49" s="246"/>
      <c r="BX49" s="246"/>
      <c r="BY49" s="246"/>
      <c r="BZ49" s="246"/>
      <c r="CA49" s="246"/>
      <c r="CB49" s="246"/>
      <c r="CC49" s="246"/>
      <c r="CD49" s="246"/>
      <c r="CE49" s="246"/>
      <c r="CF49" s="246"/>
      <c r="CG49" s="247"/>
      <c r="CH49" s="230"/>
      <c r="CI49" s="193"/>
      <c r="CJ49" s="193"/>
      <c r="CK49" s="193"/>
      <c r="CL49" s="193"/>
      <c r="CM49" s="193"/>
      <c r="CN49" s="193"/>
      <c r="CO49" s="193"/>
      <c r="CP49" s="193"/>
      <c r="CQ49" s="193"/>
      <c r="CR49" s="193"/>
      <c r="CS49" s="193"/>
      <c r="CT49" s="193"/>
      <c r="CU49" s="193"/>
      <c r="CV49" s="193"/>
      <c r="CW49" s="193"/>
      <c r="CX49" s="193"/>
      <c r="CY49" s="193"/>
      <c r="CZ49" s="193"/>
      <c r="DA49" s="193"/>
      <c r="DB49" s="193"/>
      <c r="DC49" s="193"/>
      <c r="DD49" s="193"/>
      <c r="DE49" s="193"/>
      <c r="DF49" s="193"/>
      <c r="DG49" s="193"/>
      <c r="DH49" s="193"/>
      <c r="DI49" s="234"/>
      <c r="DJ49" s="234"/>
      <c r="DK49" s="234"/>
      <c r="DL49" s="234"/>
      <c r="DM49" s="234"/>
      <c r="DN49" s="234"/>
      <c r="DO49" s="234"/>
      <c r="DP49" s="234"/>
      <c r="DQ49" s="234"/>
      <c r="DR49" s="234"/>
      <c r="DS49" s="234"/>
      <c r="DT49" s="234"/>
      <c r="DU49" s="215"/>
      <c r="DV49" s="215"/>
      <c r="DW49" s="215"/>
      <c r="DX49" s="215"/>
      <c r="DY49" s="215"/>
      <c r="DZ49" s="215"/>
      <c r="EA49" s="215"/>
      <c r="EB49" s="215"/>
      <c r="EC49" s="215"/>
      <c r="ED49" s="215"/>
      <c r="EE49" s="215"/>
      <c r="EF49" s="215"/>
      <c r="EG49" s="219"/>
      <c r="EH49" s="220"/>
      <c r="EI49" s="220"/>
      <c r="EJ49" s="220"/>
      <c r="EK49" s="220"/>
      <c r="EL49" s="220"/>
      <c r="EM49" s="220"/>
      <c r="EN49" s="220"/>
      <c r="EO49" s="220"/>
      <c r="EP49" s="220"/>
      <c r="EQ49" s="220"/>
      <c r="ER49" s="220"/>
      <c r="ES49" s="220"/>
      <c r="ET49" s="220"/>
      <c r="EU49" s="221"/>
      <c r="EV49" s="199"/>
      <c r="EW49" s="200"/>
      <c r="EX49" s="200"/>
      <c r="EY49" s="200"/>
      <c r="EZ49" s="200"/>
      <c r="FA49" s="200"/>
      <c r="FB49" s="200"/>
      <c r="FC49" s="200"/>
      <c r="FD49" s="200"/>
      <c r="FE49" s="200"/>
      <c r="FF49" s="200"/>
      <c r="FG49" s="200"/>
      <c r="FH49" s="200"/>
      <c r="FI49" s="200"/>
      <c r="FJ49" s="200"/>
      <c r="FK49" s="200"/>
      <c r="FL49" s="200"/>
      <c r="FM49" s="201"/>
      <c r="FN49" s="193"/>
      <c r="FO49" s="193"/>
      <c r="FP49" s="193"/>
      <c r="FQ49" s="193"/>
      <c r="FR49" s="193"/>
      <c r="FS49" s="193"/>
      <c r="FT49" s="193"/>
      <c r="FU49" s="193"/>
      <c r="FV49" s="193"/>
      <c r="FW49" s="193"/>
      <c r="FX49" s="193"/>
      <c r="FY49" s="193"/>
      <c r="FZ49" s="193"/>
      <c r="GA49" s="193"/>
      <c r="GB49" s="193"/>
      <c r="GC49" s="193"/>
      <c r="GD49" s="193"/>
      <c r="GE49" s="193"/>
      <c r="GF49" s="193"/>
      <c r="GG49" s="193"/>
      <c r="GH49" s="193"/>
      <c r="GI49" s="193"/>
      <c r="GJ49" s="193"/>
      <c r="GK49" s="193"/>
      <c r="GL49" s="193"/>
      <c r="GM49" s="193"/>
      <c r="GN49" s="193"/>
      <c r="GO49" s="193"/>
      <c r="GP49" s="208"/>
      <c r="GQ49" s="209"/>
      <c r="GR49" s="209"/>
      <c r="GS49" s="209"/>
      <c r="GT49" s="209"/>
      <c r="GU49" s="209"/>
      <c r="GV49" s="209"/>
      <c r="GW49" s="209"/>
      <c r="GX49" s="209"/>
      <c r="GY49" s="209"/>
      <c r="GZ49" s="209"/>
      <c r="HA49" s="209"/>
      <c r="HB49" s="209"/>
      <c r="HC49" s="209"/>
      <c r="HD49" s="209"/>
      <c r="HE49" s="209"/>
      <c r="HF49" s="209"/>
      <c r="HG49" s="209"/>
      <c r="HH49" s="209"/>
      <c r="HI49" s="209"/>
      <c r="HJ49" s="209"/>
      <c r="HK49" s="209"/>
      <c r="HL49" s="209"/>
      <c r="HM49" s="209"/>
      <c r="HN49" s="209"/>
      <c r="HO49" s="209"/>
      <c r="HP49" s="209"/>
      <c r="HQ49" s="210"/>
    </row>
    <row r="50" spans="2:225" ht="6" customHeight="1">
      <c r="B50" s="225"/>
      <c r="C50" s="225"/>
      <c r="D50" s="225"/>
      <c r="E50" s="225"/>
      <c r="F50" s="225"/>
      <c r="G50" s="225"/>
      <c r="H50" s="225"/>
      <c r="I50" s="225"/>
      <c r="J50" s="225"/>
      <c r="K50" s="225"/>
      <c r="L50" s="225"/>
      <c r="M50" s="225"/>
      <c r="N50" s="225"/>
      <c r="O50" s="225"/>
      <c r="P50" s="226"/>
      <c r="Q50" s="245"/>
      <c r="R50" s="246"/>
      <c r="S50" s="246"/>
      <c r="T50" s="246"/>
      <c r="U50" s="246"/>
      <c r="V50" s="246"/>
      <c r="W50" s="246"/>
      <c r="X50" s="246"/>
      <c r="Y50" s="246"/>
      <c r="Z50" s="246"/>
      <c r="AA50" s="246"/>
      <c r="AB50" s="246"/>
      <c r="AC50" s="246"/>
      <c r="AD50" s="246"/>
      <c r="AE50" s="246"/>
      <c r="AF50" s="246"/>
      <c r="AG50" s="246"/>
      <c r="AH50" s="246"/>
      <c r="AI50" s="246"/>
      <c r="AJ50" s="246"/>
      <c r="AK50" s="246"/>
      <c r="AL50" s="246"/>
      <c r="AM50" s="246"/>
      <c r="AN50" s="246"/>
      <c r="AO50" s="246"/>
      <c r="AP50" s="246"/>
      <c r="AQ50" s="246"/>
      <c r="AR50" s="246"/>
      <c r="AS50" s="246"/>
      <c r="AT50" s="246"/>
      <c r="AU50" s="246"/>
      <c r="AV50" s="246"/>
      <c r="AW50" s="246"/>
      <c r="AX50" s="246"/>
      <c r="AY50" s="246"/>
      <c r="AZ50" s="246"/>
      <c r="BA50" s="246"/>
      <c r="BB50" s="246"/>
      <c r="BC50" s="246"/>
      <c r="BD50" s="246"/>
      <c r="BE50" s="246"/>
      <c r="BF50" s="246"/>
      <c r="BG50" s="246"/>
      <c r="BH50" s="246"/>
      <c r="BI50" s="246"/>
      <c r="BJ50" s="246"/>
      <c r="BK50" s="246"/>
      <c r="BL50" s="246"/>
      <c r="BM50" s="246"/>
      <c r="BN50" s="246"/>
      <c r="BO50" s="246"/>
      <c r="BP50" s="246"/>
      <c r="BQ50" s="246"/>
      <c r="BR50" s="246"/>
      <c r="BS50" s="246"/>
      <c r="BT50" s="246"/>
      <c r="BU50" s="246"/>
      <c r="BV50" s="246"/>
      <c r="BW50" s="246"/>
      <c r="BX50" s="246"/>
      <c r="BY50" s="246"/>
      <c r="BZ50" s="246"/>
      <c r="CA50" s="246"/>
      <c r="CB50" s="246"/>
      <c r="CC50" s="246"/>
      <c r="CD50" s="246"/>
      <c r="CE50" s="246"/>
      <c r="CF50" s="246"/>
      <c r="CG50" s="247"/>
      <c r="CH50" s="230"/>
      <c r="CI50" s="193"/>
      <c r="CJ50" s="193"/>
      <c r="CK50" s="193"/>
      <c r="CL50" s="193"/>
      <c r="CM50" s="193"/>
      <c r="CN50" s="193"/>
      <c r="CO50" s="193"/>
      <c r="CP50" s="193"/>
      <c r="CQ50" s="193"/>
      <c r="CR50" s="193"/>
      <c r="CS50" s="193"/>
      <c r="CT50" s="193"/>
      <c r="CU50" s="193"/>
      <c r="CV50" s="193"/>
      <c r="CW50" s="193"/>
      <c r="CX50" s="193"/>
      <c r="CY50" s="193"/>
      <c r="CZ50" s="193"/>
      <c r="DA50" s="193"/>
      <c r="DB50" s="193"/>
      <c r="DC50" s="193"/>
      <c r="DD50" s="193"/>
      <c r="DE50" s="193"/>
      <c r="DF50" s="193"/>
      <c r="DG50" s="193"/>
      <c r="DH50" s="193"/>
      <c r="DI50" s="234"/>
      <c r="DJ50" s="234"/>
      <c r="DK50" s="234"/>
      <c r="DL50" s="234"/>
      <c r="DM50" s="234"/>
      <c r="DN50" s="234"/>
      <c r="DO50" s="234"/>
      <c r="DP50" s="234"/>
      <c r="DQ50" s="234"/>
      <c r="DR50" s="234"/>
      <c r="DS50" s="234"/>
      <c r="DT50" s="234"/>
      <c r="DU50" s="215"/>
      <c r="DV50" s="215"/>
      <c r="DW50" s="215"/>
      <c r="DX50" s="215"/>
      <c r="DY50" s="215"/>
      <c r="DZ50" s="215"/>
      <c r="EA50" s="215"/>
      <c r="EB50" s="215"/>
      <c r="EC50" s="215"/>
      <c r="ED50" s="215"/>
      <c r="EE50" s="215"/>
      <c r="EF50" s="215"/>
      <c r="EG50" s="222"/>
      <c r="EH50" s="223"/>
      <c r="EI50" s="223"/>
      <c r="EJ50" s="223"/>
      <c r="EK50" s="223"/>
      <c r="EL50" s="223"/>
      <c r="EM50" s="223"/>
      <c r="EN50" s="223"/>
      <c r="EO50" s="223"/>
      <c r="EP50" s="223"/>
      <c r="EQ50" s="223"/>
      <c r="ER50" s="223"/>
      <c r="ES50" s="223"/>
      <c r="ET50" s="223"/>
      <c r="EU50" s="224"/>
      <c r="EV50" s="202"/>
      <c r="EW50" s="203"/>
      <c r="EX50" s="203"/>
      <c r="EY50" s="203"/>
      <c r="EZ50" s="203"/>
      <c r="FA50" s="203"/>
      <c r="FB50" s="203"/>
      <c r="FC50" s="203"/>
      <c r="FD50" s="203"/>
      <c r="FE50" s="203"/>
      <c r="FF50" s="203"/>
      <c r="FG50" s="203"/>
      <c r="FH50" s="203"/>
      <c r="FI50" s="203"/>
      <c r="FJ50" s="203"/>
      <c r="FK50" s="203"/>
      <c r="FL50" s="203"/>
      <c r="FM50" s="204"/>
      <c r="FN50" s="193"/>
      <c r="FO50" s="193"/>
      <c r="FP50" s="193"/>
      <c r="FQ50" s="193"/>
      <c r="FR50" s="193"/>
      <c r="FS50" s="193"/>
      <c r="FT50" s="193"/>
      <c r="FU50" s="193"/>
      <c r="FV50" s="193"/>
      <c r="FW50" s="193"/>
      <c r="FX50" s="193"/>
      <c r="FY50" s="193"/>
      <c r="FZ50" s="193"/>
      <c r="GA50" s="193"/>
      <c r="GB50" s="193"/>
      <c r="GC50" s="193"/>
      <c r="GD50" s="193"/>
      <c r="GE50" s="193"/>
      <c r="GF50" s="193"/>
      <c r="GG50" s="193"/>
      <c r="GH50" s="193"/>
      <c r="GI50" s="193"/>
      <c r="GJ50" s="193"/>
      <c r="GK50" s="193"/>
      <c r="GL50" s="193"/>
      <c r="GM50" s="193"/>
      <c r="GN50" s="193"/>
      <c r="GO50" s="193"/>
      <c r="GP50" s="231"/>
      <c r="GQ50" s="232"/>
      <c r="GR50" s="232"/>
      <c r="GS50" s="232"/>
      <c r="GT50" s="232"/>
      <c r="GU50" s="232"/>
      <c r="GV50" s="232"/>
      <c r="GW50" s="232"/>
      <c r="GX50" s="232"/>
      <c r="GY50" s="232"/>
      <c r="GZ50" s="232"/>
      <c r="HA50" s="232"/>
      <c r="HB50" s="232"/>
      <c r="HC50" s="232"/>
      <c r="HD50" s="232"/>
      <c r="HE50" s="232"/>
      <c r="HF50" s="232"/>
      <c r="HG50" s="232"/>
      <c r="HH50" s="232"/>
      <c r="HI50" s="232"/>
      <c r="HJ50" s="232"/>
      <c r="HK50" s="232"/>
      <c r="HL50" s="232"/>
      <c r="HM50" s="232"/>
      <c r="HN50" s="232"/>
      <c r="HO50" s="232"/>
      <c r="HP50" s="232"/>
      <c r="HQ50" s="233"/>
    </row>
    <row r="51" spans="2:225" ht="6" customHeight="1">
      <c r="B51" s="225"/>
      <c r="C51" s="225"/>
      <c r="D51" s="225"/>
      <c r="E51" s="225"/>
      <c r="F51" s="225"/>
      <c r="G51" s="225"/>
      <c r="H51" s="225"/>
      <c r="I51" s="225"/>
      <c r="J51" s="225"/>
      <c r="K51" s="225"/>
      <c r="L51" s="225"/>
      <c r="M51" s="225"/>
      <c r="N51" s="225"/>
      <c r="O51" s="225"/>
      <c r="P51" s="226"/>
      <c r="Q51" s="227"/>
      <c r="R51" s="228"/>
      <c r="S51" s="228"/>
      <c r="T51" s="228"/>
      <c r="U51" s="228"/>
      <c r="V51" s="228"/>
      <c r="W51" s="228"/>
      <c r="X51" s="228"/>
      <c r="Y51" s="228"/>
      <c r="Z51" s="228"/>
      <c r="AA51" s="228"/>
      <c r="AB51" s="228"/>
      <c r="AC51" s="228"/>
      <c r="AD51" s="228"/>
      <c r="AE51" s="228"/>
      <c r="AF51" s="228"/>
      <c r="AG51" s="228"/>
      <c r="AH51" s="228"/>
      <c r="AI51" s="228"/>
      <c r="AJ51" s="228"/>
      <c r="AK51" s="228"/>
      <c r="AL51" s="228"/>
      <c r="AM51" s="228"/>
      <c r="AN51" s="228"/>
      <c r="AO51" s="228"/>
      <c r="AP51" s="228"/>
      <c r="AQ51" s="228"/>
      <c r="AR51" s="228"/>
      <c r="AS51" s="228"/>
      <c r="AT51" s="228"/>
      <c r="AU51" s="228"/>
      <c r="AV51" s="228"/>
      <c r="AW51" s="228"/>
      <c r="AX51" s="228"/>
      <c r="AY51" s="228"/>
      <c r="AZ51" s="228"/>
      <c r="BA51" s="228"/>
      <c r="BB51" s="228"/>
      <c r="BC51" s="228"/>
      <c r="BD51" s="228"/>
      <c r="BE51" s="228"/>
      <c r="BF51" s="228"/>
      <c r="BG51" s="228"/>
      <c r="BH51" s="228"/>
      <c r="BI51" s="228"/>
      <c r="BJ51" s="228"/>
      <c r="BK51" s="228"/>
      <c r="BL51" s="228"/>
      <c r="BM51" s="228"/>
      <c r="BN51" s="228"/>
      <c r="BO51" s="228"/>
      <c r="BP51" s="228"/>
      <c r="BQ51" s="228"/>
      <c r="BR51" s="228"/>
      <c r="BS51" s="228"/>
      <c r="BT51" s="228"/>
      <c r="BU51" s="228"/>
      <c r="BV51" s="228"/>
      <c r="BW51" s="228"/>
      <c r="BX51" s="228"/>
      <c r="BY51" s="228"/>
      <c r="BZ51" s="228"/>
      <c r="CA51" s="228"/>
      <c r="CB51" s="228"/>
      <c r="CC51" s="228"/>
      <c r="CD51" s="228"/>
      <c r="CE51" s="228"/>
      <c r="CF51" s="228"/>
      <c r="CG51" s="229"/>
      <c r="CH51" s="230"/>
      <c r="CI51" s="193"/>
      <c r="CJ51" s="193"/>
      <c r="CK51" s="193"/>
      <c r="CL51" s="193"/>
      <c r="CM51" s="193"/>
      <c r="CN51" s="193"/>
      <c r="CO51" s="193"/>
      <c r="CP51" s="193"/>
      <c r="CQ51" s="193"/>
      <c r="CR51" s="193"/>
      <c r="CS51" s="193"/>
      <c r="CT51" s="193"/>
      <c r="CU51" s="193"/>
      <c r="CV51" s="193"/>
      <c r="CW51" s="193"/>
      <c r="CX51" s="193"/>
      <c r="CY51" s="193"/>
      <c r="CZ51" s="193"/>
      <c r="DA51" s="193"/>
      <c r="DB51" s="193"/>
      <c r="DC51" s="193"/>
      <c r="DD51" s="193"/>
      <c r="DE51" s="193"/>
      <c r="DF51" s="193"/>
      <c r="DG51" s="193"/>
      <c r="DH51" s="193"/>
      <c r="DI51" s="234"/>
      <c r="DJ51" s="234"/>
      <c r="DK51" s="234"/>
      <c r="DL51" s="234"/>
      <c r="DM51" s="234"/>
      <c r="DN51" s="234"/>
      <c r="DO51" s="234"/>
      <c r="DP51" s="234"/>
      <c r="DQ51" s="234"/>
      <c r="DR51" s="234"/>
      <c r="DS51" s="234"/>
      <c r="DT51" s="234"/>
      <c r="DU51" s="235"/>
      <c r="DV51" s="235"/>
      <c r="DW51" s="235"/>
      <c r="DX51" s="235"/>
      <c r="DY51" s="235"/>
      <c r="DZ51" s="235"/>
      <c r="EA51" s="235"/>
      <c r="EB51" s="235"/>
      <c r="EC51" s="235"/>
      <c r="ED51" s="235"/>
      <c r="EE51" s="235"/>
      <c r="EF51" s="235"/>
      <c r="EG51" s="236"/>
      <c r="EH51" s="237"/>
      <c r="EI51" s="237"/>
      <c r="EJ51" s="237"/>
      <c r="EK51" s="237"/>
      <c r="EL51" s="237"/>
      <c r="EM51" s="237"/>
      <c r="EN51" s="237"/>
      <c r="EO51" s="237"/>
      <c r="EP51" s="237"/>
      <c r="EQ51" s="237"/>
      <c r="ER51" s="237"/>
      <c r="ES51" s="237"/>
      <c r="ET51" s="237"/>
      <c r="EU51" s="238"/>
      <c r="EV51" s="196"/>
      <c r="EW51" s="197"/>
      <c r="EX51" s="197"/>
      <c r="EY51" s="197"/>
      <c r="EZ51" s="197"/>
      <c r="FA51" s="197"/>
      <c r="FB51" s="197"/>
      <c r="FC51" s="197"/>
      <c r="FD51" s="197"/>
      <c r="FE51" s="197"/>
      <c r="FF51" s="197"/>
      <c r="FG51" s="197"/>
      <c r="FH51" s="197"/>
      <c r="FI51" s="197"/>
      <c r="FJ51" s="197"/>
      <c r="FK51" s="197"/>
      <c r="FL51" s="197"/>
      <c r="FM51" s="198"/>
      <c r="FN51" s="193"/>
      <c r="FO51" s="193"/>
      <c r="FP51" s="193"/>
      <c r="FQ51" s="193"/>
      <c r="FR51" s="193"/>
      <c r="FS51" s="193"/>
      <c r="FT51" s="193"/>
      <c r="FU51" s="193"/>
      <c r="FV51" s="193"/>
      <c r="FW51" s="193"/>
      <c r="FX51" s="193"/>
      <c r="FY51" s="193"/>
      <c r="FZ51" s="193"/>
      <c r="GA51" s="193"/>
      <c r="GB51" s="193"/>
      <c r="GC51" s="193"/>
      <c r="GD51" s="193"/>
      <c r="GE51" s="193"/>
      <c r="GF51" s="193"/>
      <c r="GG51" s="193"/>
      <c r="GH51" s="193"/>
      <c r="GI51" s="193"/>
      <c r="GJ51" s="193"/>
      <c r="GK51" s="193"/>
      <c r="GL51" s="193"/>
      <c r="GM51" s="193"/>
      <c r="GN51" s="193"/>
      <c r="GO51" s="193"/>
      <c r="GP51" s="205"/>
      <c r="GQ51" s="206"/>
      <c r="GR51" s="206"/>
      <c r="GS51" s="206"/>
      <c r="GT51" s="206"/>
      <c r="GU51" s="206"/>
      <c r="GV51" s="206"/>
      <c r="GW51" s="206"/>
      <c r="GX51" s="206"/>
      <c r="GY51" s="206"/>
      <c r="GZ51" s="206"/>
      <c r="HA51" s="206"/>
      <c r="HB51" s="206"/>
      <c r="HC51" s="206"/>
      <c r="HD51" s="206"/>
      <c r="HE51" s="206"/>
      <c r="HF51" s="206"/>
      <c r="HG51" s="206"/>
      <c r="HH51" s="206"/>
      <c r="HI51" s="206"/>
      <c r="HJ51" s="206"/>
      <c r="HK51" s="206"/>
      <c r="HL51" s="206"/>
      <c r="HM51" s="206"/>
      <c r="HN51" s="206"/>
      <c r="HO51" s="206"/>
      <c r="HP51" s="206"/>
      <c r="HQ51" s="207"/>
    </row>
    <row r="52" spans="2:225" ht="6" customHeight="1">
      <c r="B52" s="225"/>
      <c r="C52" s="225"/>
      <c r="D52" s="225"/>
      <c r="E52" s="225"/>
      <c r="F52" s="225"/>
      <c r="G52" s="225"/>
      <c r="H52" s="225"/>
      <c r="I52" s="225"/>
      <c r="J52" s="225"/>
      <c r="K52" s="225"/>
      <c r="L52" s="225"/>
      <c r="M52" s="225"/>
      <c r="N52" s="225"/>
      <c r="O52" s="225"/>
      <c r="P52" s="226"/>
      <c r="Q52" s="227"/>
      <c r="R52" s="228"/>
      <c r="S52" s="228"/>
      <c r="T52" s="228"/>
      <c r="U52" s="228"/>
      <c r="V52" s="228"/>
      <c r="W52" s="228"/>
      <c r="X52" s="228"/>
      <c r="Y52" s="228"/>
      <c r="Z52" s="228"/>
      <c r="AA52" s="228"/>
      <c r="AB52" s="228"/>
      <c r="AC52" s="228"/>
      <c r="AD52" s="228"/>
      <c r="AE52" s="228"/>
      <c r="AF52" s="228"/>
      <c r="AG52" s="228"/>
      <c r="AH52" s="228"/>
      <c r="AI52" s="228"/>
      <c r="AJ52" s="228"/>
      <c r="AK52" s="228"/>
      <c r="AL52" s="228"/>
      <c r="AM52" s="228"/>
      <c r="AN52" s="228"/>
      <c r="AO52" s="228"/>
      <c r="AP52" s="228"/>
      <c r="AQ52" s="228"/>
      <c r="AR52" s="228"/>
      <c r="AS52" s="228"/>
      <c r="AT52" s="228"/>
      <c r="AU52" s="228"/>
      <c r="AV52" s="228"/>
      <c r="AW52" s="228"/>
      <c r="AX52" s="228"/>
      <c r="AY52" s="228"/>
      <c r="AZ52" s="228"/>
      <c r="BA52" s="228"/>
      <c r="BB52" s="228"/>
      <c r="BC52" s="228"/>
      <c r="BD52" s="228"/>
      <c r="BE52" s="228"/>
      <c r="BF52" s="228"/>
      <c r="BG52" s="228"/>
      <c r="BH52" s="228"/>
      <c r="BI52" s="228"/>
      <c r="BJ52" s="228"/>
      <c r="BK52" s="228"/>
      <c r="BL52" s="228"/>
      <c r="BM52" s="228"/>
      <c r="BN52" s="228"/>
      <c r="BO52" s="228"/>
      <c r="BP52" s="228"/>
      <c r="BQ52" s="228"/>
      <c r="BR52" s="228"/>
      <c r="BS52" s="228"/>
      <c r="BT52" s="228"/>
      <c r="BU52" s="228"/>
      <c r="BV52" s="228"/>
      <c r="BW52" s="228"/>
      <c r="BX52" s="228"/>
      <c r="BY52" s="228"/>
      <c r="BZ52" s="228"/>
      <c r="CA52" s="228"/>
      <c r="CB52" s="228"/>
      <c r="CC52" s="228"/>
      <c r="CD52" s="228"/>
      <c r="CE52" s="228"/>
      <c r="CF52" s="228"/>
      <c r="CG52" s="229"/>
      <c r="CH52" s="230"/>
      <c r="CI52" s="193"/>
      <c r="CJ52" s="193"/>
      <c r="CK52" s="193"/>
      <c r="CL52" s="193"/>
      <c r="CM52" s="193"/>
      <c r="CN52" s="193"/>
      <c r="CO52" s="193"/>
      <c r="CP52" s="193"/>
      <c r="CQ52" s="193"/>
      <c r="CR52" s="193"/>
      <c r="CS52" s="193"/>
      <c r="CT52" s="193"/>
      <c r="CU52" s="193"/>
      <c r="CV52" s="193"/>
      <c r="CW52" s="193"/>
      <c r="CX52" s="193"/>
      <c r="CY52" s="193"/>
      <c r="CZ52" s="193"/>
      <c r="DA52" s="193"/>
      <c r="DB52" s="193"/>
      <c r="DC52" s="193"/>
      <c r="DD52" s="193"/>
      <c r="DE52" s="193"/>
      <c r="DF52" s="193"/>
      <c r="DG52" s="193"/>
      <c r="DH52" s="193"/>
      <c r="DI52" s="234"/>
      <c r="DJ52" s="234"/>
      <c r="DK52" s="234"/>
      <c r="DL52" s="234"/>
      <c r="DM52" s="234"/>
      <c r="DN52" s="234"/>
      <c r="DO52" s="234"/>
      <c r="DP52" s="234"/>
      <c r="DQ52" s="234"/>
      <c r="DR52" s="234"/>
      <c r="DS52" s="234"/>
      <c r="DT52" s="234"/>
      <c r="DU52" s="235"/>
      <c r="DV52" s="235"/>
      <c r="DW52" s="235"/>
      <c r="DX52" s="235"/>
      <c r="DY52" s="235"/>
      <c r="DZ52" s="235"/>
      <c r="EA52" s="235"/>
      <c r="EB52" s="235"/>
      <c r="EC52" s="235"/>
      <c r="ED52" s="235"/>
      <c r="EE52" s="235"/>
      <c r="EF52" s="235"/>
      <c r="EG52" s="239"/>
      <c r="EH52" s="240"/>
      <c r="EI52" s="240"/>
      <c r="EJ52" s="240"/>
      <c r="EK52" s="240"/>
      <c r="EL52" s="240"/>
      <c r="EM52" s="240"/>
      <c r="EN52" s="240"/>
      <c r="EO52" s="240"/>
      <c r="EP52" s="240"/>
      <c r="EQ52" s="240"/>
      <c r="ER52" s="240"/>
      <c r="ES52" s="240"/>
      <c r="ET52" s="240"/>
      <c r="EU52" s="241"/>
      <c r="EV52" s="199"/>
      <c r="EW52" s="200"/>
      <c r="EX52" s="200"/>
      <c r="EY52" s="200"/>
      <c r="EZ52" s="200"/>
      <c r="FA52" s="200"/>
      <c r="FB52" s="200"/>
      <c r="FC52" s="200"/>
      <c r="FD52" s="200"/>
      <c r="FE52" s="200"/>
      <c r="FF52" s="200"/>
      <c r="FG52" s="200"/>
      <c r="FH52" s="200"/>
      <c r="FI52" s="200"/>
      <c r="FJ52" s="200"/>
      <c r="FK52" s="200"/>
      <c r="FL52" s="200"/>
      <c r="FM52" s="201"/>
      <c r="FN52" s="193"/>
      <c r="FO52" s="193"/>
      <c r="FP52" s="193"/>
      <c r="FQ52" s="193"/>
      <c r="FR52" s="193"/>
      <c r="FS52" s="193"/>
      <c r="FT52" s="193"/>
      <c r="FU52" s="193"/>
      <c r="FV52" s="193"/>
      <c r="FW52" s="193"/>
      <c r="FX52" s="193"/>
      <c r="FY52" s="193"/>
      <c r="FZ52" s="193"/>
      <c r="GA52" s="193"/>
      <c r="GB52" s="193"/>
      <c r="GC52" s="193"/>
      <c r="GD52" s="193"/>
      <c r="GE52" s="193"/>
      <c r="GF52" s="193"/>
      <c r="GG52" s="193"/>
      <c r="GH52" s="193"/>
      <c r="GI52" s="193"/>
      <c r="GJ52" s="193"/>
      <c r="GK52" s="193"/>
      <c r="GL52" s="193"/>
      <c r="GM52" s="193"/>
      <c r="GN52" s="193"/>
      <c r="GO52" s="193"/>
      <c r="GP52" s="208"/>
      <c r="GQ52" s="209"/>
      <c r="GR52" s="209"/>
      <c r="GS52" s="209"/>
      <c r="GT52" s="209"/>
      <c r="GU52" s="209"/>
      <c r="GV52" s="209"/>
      <c r="GW52" s="209"/>
      <c r="GX52" s="209"/>
      <c r="GY52" s="209"/>
      <c r="GZ52" s="209"/>
      <c r="HA52" s="209"/>
      <c r="HB52" s="209"/>
      <c r="HC52" s="209"/>
      <c r="HD52" s="209"/>
      <c r="HE52" s="209"/>
      <c r="HF52" s="209"/>
      <c r="HG52" s="209"/>
      <c r="HH52" s="209"/>
      <c r="HI52" s="209"/>
      <c r="HJ52" s="209"/>
      <c r="HK52" s="209"/>
      <c r="HL52" s="209"/>
      <c r="HM52" s="209"/>
      <c r="HN52" s="209"/>
      <c r="HO52" s="209"/>
      <c r="HP52" s="209"/>
      <c r="HQ52" s="210"/>
    </row>
    <row r="53" spans="2:225" ht="6" customHeight="1">
      <c r="B53" s="225"/>
      <c r="C53" s="225"/>
      <c r="D53" s="225"/>
      <c r="E53" s="225"/>
      <c r="F53" s="225"/>
      <c r="G53" s="225"/>
      <c r="H53" s="225"/>
      <c r="I53" s="225"/>
      <c r="J53" s="225"/>
      <c r="K53" s="225"/>
      <c r="L53" s="225"/>
      <c r="M53" s="225"/>
      <c r="N53" s="225"/>
      <c r="O53" s="225"/>
      <c r="P53" s="226"/>
      <c r="Q53" s="227"/>
      <c r="R53" s="228"/>
      <c r="S53" s="228"/>
      <c r="T53" s="228"/>
      <c r="U53" s="228"/>
      <c r="V53" s="228"/>
      <c r="W53" s="228"/>
      <c r="X53" s="228"/>
      <c r="Y53" s="228"/>
      <c r="Z53" s="228"/>
      <c r="AA53" s="228"/>
      <c r="AB53" s="228"/>
      <c r="AC53" s="228"/>
      <c r="AD53" s="228"/>
      <c r="AE53" s="228"/>
      <c r="AF53" s="228"/>
      <c r="AG53" s="228"/>
      <c r="AH53" s="228"/>
      <c r="AI53" s="228"/>
      <c r="AJ53" s="228"/>
      <c r="AK53" s="228"/>
      <c r="AL53" s="228"/>
      <c r="AM53" s="228"/>
      <c r="AN53" s="228"/>
      <c r="AO53" s="228"/>
      <c r="AP53" s="228"/>
      <c r="AQ53" s="228"/>
      <c r="AR53" s="228"/>
      <c r="AS53" s="228"/>
      <c r="AT53" s="228"/>
      <c r="AU53" s="228"/>
      <c r="AV53" s="228"/>
      <c r="AW53" s="228"/>
      <c r="AX53" s="228"/>
      <c r="AY53" s="228"/>
      <c r="AZ53" s="228"/>
      <c r="BA53" s="228"/>
      <c r="BB53" s="228"/>
      <c r="BC53" s="228"/>
      <c r="BD53" s="228"/>
      <c r="BE53" s="228"/>
      <c r="BF53" s="228"/>
      <c r="BG53" s="228"/>
      <c r="BH53" s="228"/>
      <c r="BI53" s="228"/>
      <c r="BJ53" s="228"/>
      <c r="BK53" s="228"/>
      <c r="BL53" s="228"/>
      <c r="BM53" s="228"/>
      <c r="BN53" s="228"/>
      <c r="BO53" s="228"/>
      <c r="BP53" s="228"/>
      <c r="BQ53" s="228"/>
      <c r="BR53" s="228"/>
      <c r="BS53" s="228"/>
      <c r="BT53" s="228"/>
      <c r="BU53" s="228"/>
      <c r="BV53" s="228"/>
      <c r="BW53" s="228"/>
      <c r="BX53" s="228"/>
      <c r="BY53" s="228"/>
      <c r="BZ53" s="228"/>
      <c r="CA53" s="228"/>
      <c r="CB53" s="228"/>
      <c r="CC53" s="228"/>
      <c r="CD53" s="228"/>
      <c r="CE53" s="228"/>
      <c r="CF53" s="228"/>
      <c r="CG53" s="229"/>
      <c r="CH53" s="230"/>
      <c r="CI53" s="193"/>
      <c r="CJ53" s="193"/>
      <c r="CK53" s="193"/>
      <c r="CL53" s="193"/>
      <c r="CM53" s="193"/>
      <c r="CN53" s="193"/>
      <c r="CO53" s="193"/>
      <c r="CP53" s="193"/>
      <c r="CQ53" s="193"/>
      <c r="CR53" s="193"/>
      <c r="CS53" s="193"/>
      <c r="CT53" s="193"/>
      <c r="CU53" s="193"/>
      <c r="CV53" s="193"/>
      <c r="CW53" s="193"/>
      <c r="CX53" s="193"/>
      <c r="CY53" s="193"/>
      <c r="CZ53" s="193"/>
      <c r="DA53" s="193"/>
      <c r="DB53" s="193"/>
      <c r="DC53" s="193"/>
      <c r="DD53" s="193"/>
      <c r="DE53" s="193"/>
      <c r="DF53" s="193"/>
      <c r="DG53" s="193"/>
      <c r="DH53" s="193"/>
      <c r="DI53" s="234"/>
      <c r="DJ53" s="234"/>
      <c r="DK53" s="234"/>
      <c r="DL53" s="234"/>
      <c r="DM53" s="234"/>
      <c r="DN53" s="234"/>
      <c r="DO53" s="234"/>
      <c r="DP53" s="234"/>
      <c r="DQ53" s="234"/>
      <c r="DR53" s="234"/>
      <c r="DS53" s="234"/>
      <c r="DT53" s="234"/>
      <c r="DU53" s="235"/>
      <c r="DV53" s="235"/>
      <c r="DW53" s="235"/>
      <c r="DX53" s="235"/>
      <c r="DY53" s="235"/>
      <c r="DZ53" s="235"/>
      <c r="EA53" s="235"/>
      <c r="EB53" s="235"/>
      <c r="EC53" s="235"/>
      <c r="ED53" s="235"/>
      <c r="EE53" s="235"/>
      <c r="EF53" s="235"/>
      <c r="EG53" s="239"/>
      <c r="EH53" s="240"/>
      <c r="EI53" s="240"/>
      <c r="EJ53" s="240"/>
      <c r="EK53" s="240"/>
      <c r="EL53" s="240"/>
      <c r="EM53" s="240"/>
      <c r="EN53" s="240"/>
      <c r="EO53" s="240"/>
      <c r="EP53" s="240"/>
      <c r="EQ53" s="240"/>
      <c r="ER53" s="240"/>
      <c r="ES53" s="240"/>
      <c r="ET53" s="240"/>
      <c r="EU53" s="241"/>
      <c r="EV53" s="199"/>
      <c r="EW53" s="200"/>
      <c r="EX53" s="200"/>
      <c r="EY53" s="200"/>
      <c r="EZ53" s="200"/>
      <c r="FA53" s="200"/>
      <c r="FB53" s="200"/>
      <c r="FC53" s="200"/>
      <c r="FD53" s="200"/>
      <c r="FE53" s="200"/>
      <c r="FF53" s="200"/>
      <c r="FG53" s="200"/>
      <c r="FH53" s="200"/>
      <c r="FI53" s="200"/>
      <c r="FJ53" s="200"/>
      <c r="FK53" s="200"/>
      <c r="FL53" s="200"/>
      <c r="FM53" s="201"/>
      <c r="FN53" s="193"/>
      <c r="FO53" s="193"/>
      <c r="FP53" s="193"/>
      <c r="FQ53" s="193"/>
      <c r="FR53" s="193"/>
      <c r="FS53" s="193"/>
      <c r="FT53" s="193"/>
      <c r="FU53" s="193"/>
      <c r="FV53" s="193"/>
      <c r="FW53" s="193"/>
      <c r="FX53" s="193"/>
      <c r="FY53" s="193"/>
      <c r="FZ53" s="193"/>
      <c r="GA53" s="193"/>
      <c r="GB53" s="193"/>
      <c r="GC53" s="193"/>
      <c r="GD53" s="193"/>
      <c r="GE53" s="193"/>
      <c r="GF53" s="193"/>
      <c r="GG53" s="193"/>
      <c r="GH53" s="193"/>
      <c r="GI53" s="193"/>
      <c r="GJ53" s="193"/>
      <c r="GK53" s="193"/>
      <c r="GL53" s="193"/>
      <c r="GM53" s="193"/>
      <c r="GN53" s="193"/>
      <c r="GO53" s="193"/>
      <c r="GP53" s="208"/>
      <c r="GQ53" s="209"/>
      <c r="GR53" s="209"/>
      <c r="GS53" s="209"/>
      <c r="GT53" s="209"/>
      <c r="GU53" s="209"/>
      <c r="GV53" s="209"/>
      <c r="GW53" s="209"/>
      <c r="GX53" s="209"/>
      <c r="GY53" s="209"/>
      <c r="GZ53" s="209"/>
      <c r="HA53" s="209"/>
      <c r="HB53" s="209"/>
      <c r="HC53" s="209"/>
      <c r="HD53" s="209"/>
      <c r="HE53" s="209"/>
      <c r="HF53" s="209"/>
      <c r="HG53" s="209"/>
      <c r="HH53" s="209"/>
      <c r="HI53" s="209"/>
      <c r="HJ53" s="209"/>
      <c r="HK53" s="209"/>
      <c r="HL53" s="209"/>
      <c r="HM53" s="209"/>
      <c r="HN53" s="209"/>
      <c r="HO53" s="209"/>
      <c r="HP53" s="209"/>
      <c r="HQ53" s="210"/>
    </row>
    <row r="54" spans="2:225" ht="6" customHeight="1">
      <c r="B54" s="225"/>
      <c r="C54" s="225"/>
      <c r="D54" s="225"/>
      <c r="E54" s="225"/>
      <c r="F54" s="225"/>
      <c r="G54" s="225"/>
      <c r="H54" s="225"/>
      <c r="I54" s="225"/>
      <c r="J54" s="225"/>
      <c r="K54" s="225"/>
      <c r="L54" s="225"/>
      <c r="M54" s="225"/>
      <c r="N54" s="225"/>
      <c r="O54" s="225"/>
      <c r="P54" s="226"/>
      <c r="Q54" s="227"/>
      <c r="R54" s="228"/>
      <c r="S54" s="228"/>
      <c r="T54" s="228"/>
      <c r="U54" s="228"/>
      <c r="V54" s="228"/>
      <c r="W54" s="228"/>
      <c r="X54" s="228"/>
      <c r="Y54" s="228"/>
      <c r="Z54" s="228"/>
      <c r="AA54" s="228"/>
      <c r="AB54" s="228"/>
      <c r="AC54" s="228"/>
      <c r="AD54" s="228"/>
      <c r="AE54" s="228"/>
      <c r="AF54" s="228"/>
      <c r="AG54" s="228"/>
      <c r="AH54" s="228"/>
      <c r="AI54" s="228"/>
      <c r="AJ54" s="228"/>
      <c r="AK54" s="228"/>
      <c r="AL54" s="228"/>
      <c r="AM54" s="228"/>
      <c r="AN54" s="228"/>
      <c r="AO54" s="228"/>
      <c r="AP54" s="228"/>
      <c r="AQ54" s="228"/>
      <c r="AR54" s="228"/>
      <c r="AS54" s="228"/>
      <c r="AT54" s="228"/>
      <c r="AU54" s="228"/>
      <c r="AV54" s="228"/>
      <c r="AW54" s="228"/>
      <c r="AX54" s="228"/>
      <c r="AY54" s="228"/>
      <c r="AZ54" s="228"/>
      <c r="BA54" s="228"/>
      <c r="BB54" s="228"/>
      <c r="BC54" s="228"/>
      <c r="BD54" s="228"/>
      <c r="BE54" s="228"/>
      <c r="BF54" s="228"/>
      <c r="BG54" s="228"/>
      <c r="BH54" s="228"/>
      <c r="BI54" s="228"/>
      <c r="BJ54" s="228"/>
      <c r="BK54" s="228"/>
      <c r="BL54" s="228"/>
      <c r="BM54" s="228"/>
      <c r="BN54" s="228"/>
      <c r="BO54" s="228"/>
      <c r="BP54" s="228"/>
      <c r="BQ54" s="228"/>
      <c r="BR54" s="228"/>
      <c r="BS54" s="228"/>
      <c r="BT54" s="228"/>
      <c r="BU54" s="228"/>
      <c r="BV54" s="228"/>
      <c r="BW54" s="228"/>
      <c r="BX54" s="228"/>
      <c r="BY54" s="228"/>
      <c r="BZ54" s="228"/>
      <c r="CA54" s="228"/>
      <c r="CB54" s="228"/>
      <c r="CC54" s="228"/>
      <c r="CD54" s="228"/>
      <c r="CE54" s="228"/>
      <c r="CF54" s="228"/>
      <c r="CG54" s="229"/>
      <c r="CH54" s="230"/>
      <c r="CI54" s="193"/>
      <c r="CJ54" s="193"/>
      <c r="CK54" s="193"/>
      <c r="CL54" s="193"/>
      <c r="CM54" s="193"/>
      <c r="CN54" s="193"/>
      <c r="CO54" s="193"/>
      <c r="CP54" s="193"/>
      <c r="CQ54" s="193"/>
      <c r="CR54" s="193"/>
      <c r="CS54" s="193"/>
      <c r="CT54" s="193"/>
      <c r="CU54" s="193"/>
      <c r="CV54" s="193"/>
      <c r="CW54" s="193"/>
      <c r="CX54" s="193"/>
      <c r="CY54" s="193"/>
      <c r="CZ54" s="193"/>
      <c r="DA54" s="193"/>
      <c r="DB54" s="193"/>
      <c r="DC54" s="193"/>
      <c r="DD54" s="193"/>
      <c r="DE54" s="193"/>
      <c r="DF54" s="193"/>
      <c r="DG54" s="193"/>
      <c r="DH54" s="193"/>
      <c r="DI54" s="234"/>
      <c r="DJ54" s="234"/>
      <c r="DK54" s="234"/>
      <c r="DL54" s="234"/>
      <c r="DM54" s="234"/>
      <c r="DN54" s="234"/>
      <c r="DO54" s="234"/>
      <c r="DP54" s="234"/>
      <c r="DQ54" s="234"/>
      <c r="DR54" s="234"/>
      <c r="DS54" s="234"/>
      <c r="DT54" s="234"/>
      <c r="DU54" s="235"/>
      <c r="DV54" s="235"/>
      <c r="DW54" s="235"/>
      <c r="DX54" s="235"/>
      <c r="DY54" s="235"/>
      <c r="DZ54" s="235"/>
      <c r="EA54" s="235"/>
      <c r="EB54" s="235"/>
      <c r="EC54" s="235"/>
      <c r="ED54" s="235"/>
      <c r="EE54" s="235"/>
      <c r="EF54" s="235"/>
      <c r="EG54" s="242"/>
      <c r="EH54" s="243"/>
      <c r="EI54" s="243"/>
      <c r="EJ54" s="243"/>
      <c r="EK54" s="243"/>
      <c r="EL54" s="243"/>
      <c r="EM54" s="243"/>
      <c r="EN54" s="243"/>
      <c r="EO54" s="243"/>
      <c r="EP54" s="243"/>
      <c r="EQ54" s="243"/>
      <c r="ER54" s="243"/>
      <c r="ES54" s="243"/>
      <c r="ET54" s="243"/>
      <c r="EU54" s="244"/>
      <c r="EV54" s="202"/>
      <c r="EW54" s="203"/>
      <c r="EX54" s="203"/>
      <c r="EY54" s="203"/>
      <c r="EZ54" s="203"/>
      <c r="FA54" s="203"/>
      <c r="FB54" s="203"/>
      <c r="FC54" s="203"/>
      <c r="FD54" s="203"/>
      <c r="FE54" s="203"/>
      <c r="FF54" s="203"/>
      <c r="FG54" s="203"/>
      <c r="FH54" s="203"/>
      <c r="FI54" s="203"/>
      <c r="FJ54" s="203"/>
      <c r="FK54" s="203"/>
      <c r="FL54" s="203"/>
      <c r="FM54" s="204"/>
      <c r="FN54" s="193"/>
      <c r="FO54" s="193"/>
      <c r="FP54" s="193"/>
      <c r="FQ54" s="193"/>
      <c r="FR54" s="193"/>
      <c r="FS54" s="193"/>
      <c r="FT54" s="193"/>
      <c r="FU54" s="193"/>
      <c r="FV54" s="193"/>
      <c r="FW54" s="193"/>
      <c r="FX54" s="193"/>
      <c r="FY54" s="193"/>
      <c r="FZ54" s="193"/>
      <c r="GA54" s="193"/>
      <c r="GB54" s="193"/>
      <c r="GC54" s="193"/>
      <c r="GD54" s="193"/>
      <c r="GE54" s="193"/>
      <c r="GF54" s="193"/>
      <c r="GG54" s="193"/>
      <c r="GH54" s="193"/>
      <c r="GI54" s="193"/>
      <c r="GJ54" s="193"/>
      <c r="GK54" s="193"/>
      <c r="GL54" s="193"/>
      <c r="GM54" s="193"/>
      <c r="GN54" s="193"/>
      <c r="GO54" s="193"/>
      <c r="GP54" s="231"/>
      <c r="GQ54" s="232"/>
      <c r="GR54" s="232"/>
      <c r="GS54" s="232"/>
      <c r="GT54" s="232"/>
      <c r="GU54" s="232"/>
      <c r="GV54" s="232"/>
      <c r="GW54" s="232"/>
      <c r="GX54" s="232"/>
      <c r="GY54" s="232"/>
      <c r="GZ54" s="232"/>
      <c r="HA54" s="232"/>
      <c r="HB54" s="232"/>
      <c r="HC54" s="232"/>
      <c r="HD54" s="232"/>
      <c r="HE54" s="232"/>
      <c r="HF54" s="232"/>
      <c r="HG54" s="232"/>
      <c r="HH54" s="232"/>
      <c r="HI54" s="232"/>
      <c r="HJ54" s="232"/>
      <c r="HK54" s="232"/>
      <c r="HL54" s="232"/>
      <c r="HM54" s="232"/>
      <c r="HN54" s="232"/>
      <c r="HO54" s="232"/>
      <c r="HP54" s="232"/>
      <c r="HQ54" s="233"/>
    </row>
    <row r="55" spans="2:225" ht="6" customHeight="1">
      <c r="B55" s="225"/>
      <c r="C55" s="225"/>
      <c r="D55" s="225"/>
      <c r="E55" s="225"/>
      <c r="F55" s="225"/>
      <c r="G55" s="225"/>
      <c r="H55" s="225"/>
      <c r="I55" s="225"/>
      <c r="J55" s="225"/>
      <c r="K55" s="225"/>
      <c r="L55" s="225"/>
      <c r="M55" s="225"/>
      <c r="N55" s="225"/>
      <c r="O55" s="225"/>
      <c r="P55" s="226"/>
      <c r="Q55" s="227"/>
      <c r="R55" s="228"/>
      <c r="S55" s="228"/>
      <c r="T55" s="228"/>
      <c r="U55" s="228"/>
      <c r="V55" s="228"/>
      <c r="W55" s="228"/>
      <c r="X55" s="228"/>
      <c r="Y55" s="228"/>
      <c r="Z55" s="228"/>
      <c r="AA55" s="228"/>
      <c r="AB55" s="228"/>
      <c r="AC55" s="228"/>
      <c r="AD55" s="228"/>
      <c r="AE55" s="228"/>
      <c r="AF55" s="228"/>
      <c r="AG55" s="228"/>
      <c r="AH55" s="228"/>
      <c r="AI55" s="228"/>
      <c r="AJ55" s="228"/>
      <c r="AK55" s="228"/>
      <c r="AL55" s="228"/>
      <c r="AM55" s="228"/>
      <c r="AN55" s="228"/>
      <c r="AO55" s="228"/>
      <c r="AP55" s="228"/>
      <c r="AQ55" s="228"/>
      <c r="AR55" s="228"/>
      <c r="AS55" s="228"/>
      <c r="AT55" s="228"/>
      <c r="AU55" s="228"/>
      <c r="AV55" s="228"/>
      <c r="AW55" s="228"/>
      <c r="AX55" s="228"/>
      <c r="AY55" s="228"/>
      <c r="AZ55" s="228"/>
      <c r="BA55" s="228"/>
      <c r="BB55" s="228"/>
      <c r="BC55" s="228"/>
      <c r="BD55" s="228"/>
      <c r="BE55" s="228"/>
      <c r="BF55" s="228"/>
      <c r="BG55" s="228"/>
      <c r="BH55" s="228"/>
      <c r="BI55" s="228"/>
      <c r="BJ55" s="228"/>
      <c r="BK55" s="228"/>
      <c r="BL55" s="228"/>
      <c r="BM55" s="228"/>
      <c r="BN55" s="228"/>
      <c r="BO55" s="228"/>
      <c r="BP55" s="228"/>
      <c r="BQ55" s="228"/>
      <c r="BR55" s="228"/>
      <c r="BS55" s="228"/>
      <c r="BT55" s="228"/>
      <c r="BU55" s="228"/>
      <c r="BV55" s="228"/>
      <c r="BW55" s="228"/>
      <c r="BX55" s="228"/>
      <c r="BY55" s="228"/>
      <c r="BZ55" s="228"/>
      <c r="CA55" s="228"/>
      <c r="CB55" s="228"/>
      <c r="CC55" s="228"/>
      <c r="CD55" s="228"/>
      <c r="CE55" s="228"/>
      <c r="CF55" s="228"/>
      <c r="CG55" s="229"/>
      <c r="CH55" s="230"/>
      <c r="CI55" s="193"/>
      <c r="CJ55" s="193"/>
      <c r="CK55" s="193"/>
      <c r="CL55" s="193"/>
      <c r="CM55" s="193"/>
      <c r="CN55" s="193"/>
      <c r="CO55" s="193"/>
      <c r="CP55" s="193"/>
      <c r="CQ55" s="193"/>
      <c r="CR55" s="193"/>
      <c r="CS55" s="193"/>
      <c r="CT55" s="193"/>
      <c r="CU55" s="193"/>
      <c r="CV55" s="193"/>
      <c r="CW55" s="193"/>
      <c r="CX55" s="193"/>
      <c r="CY55" s="193"/>
      <c r="CZ55" s="193"/>
      <c r="DA55" s="193"/>
      <c r="DB55" s="193"/>
      <c r="DC55" s="193"/>
      <c r="DD55" s="193"/>
      <c r="DE55" s="193"/>
      <c r="DF55" s="193"/>
      <c r="DG55" s="193"/>
      <c r="DH55" s="193"/>
      <c r="DI55" s="234"/>
      <c r="DJ55" s="234"/>
      <c r="DK55" s="234"/>
      <c r="DL55" s="234"/>
      <c r="DM55" s="234"/>
      <c r="DN55" s="234"/>
      <c r="DO55" s="234"/>
      <c r="DP55" s="234"/>
      <c r="DQ55" s="234"/>
      <c r="DR55" s="234"/>
      <c r="DS55" s="234"/>
      <c r="DT55" s="234"/>
      <c r="DU55" s="235"/>
      <c r="DV55" s="235"/>
      <c r="DW55" s="235"/>
      <c r="DX55" s="235"/>
      <c r="DY55" s="235"/>
      <c r="DZ55" s="235"/>
      <c r="EA55" s="235"/>
      <c r="EB55" s="235"/>
      <c r="EC55" s="235"/>
      <c r="ED55" s="235"/>
      <c r="EE55" s="235"/>
      <c r="EF55" s="235"/>
      <c r="EG55" s="236"/>
      <c r="EH55" s="237"/>
      <c r="EI55" s="237"/>
      <c r="EJ55" s="237"/>
      <c r="EK55" s="237"/>
      <c r="EL55" s="237"/>
      <c r="EM55" s="237"/>
      <c r="EN55" s="237"/>
      <c r="EO55" s="237"/>
      <c r="EP55" s="237"/>
      <c r="EQ55" s="237"/>
      <c r="ER55" s="237"/>
      <c r="ES55" s="237"/>
      <c r="ET55" s="237"/>
      <c r="EU55" s="238"/>
      <c r="EV55" s="196"/>
      <c r="EW55" s="197"/>
      <c r="EX55" s="197"/>
      <c r="EY55" s="197"/>
      <c r="EZ55" s="197"/>
      <c r="FA55" s="197"/>
      <c r="FB55" s="197"/>
      <c r="FC55" s="197"/>
      <c r="FD55" s="197"/>
      <c r="FE55" s="197"/>
      <c r="FF55" s="197"/>
      <c r="FG55" s="197"/>
      <c r="FH55" s="197"/>
      <c r="FI55" s="197"/>
      <c r="FJ55" s="197"/>
      <c r="FK55" s="197"/>
      <c r="FL55" s="197"/>
      <c r="FM55" s="198"/>
      <c r="FN55" s="193"/>
      <c r="FO55" s="193"/>
      <c r="FP55" s="193"/>
      <c r="FQ55" s="193"/>
      <c r="FR55" s="193"/>
      <c r="FS55" s="193"/>
      <c r="FT55" s="193"/>
      <c r="FU55" s="193"/>
      <c r="FV55" s="193"/>
      <c r="FW55" s="193"/>
      <c r="FX55" s="193"/>
      <c r="FY55" s="193"/>
      <c r="FZ55" s="193"/>
      <c r="GA55" s="193"/>
      <c r="GB55" s="193"/>
      <c r="GC55" s="193"/>
      <c r="GD55" s="193"/>
      <c r="GE55" s="193"/>
      <c r="GF55" s="193"/>
      <c r="GG55" s="193"/>
      <c r="GH55" s="193"/>
      <c r="GI55" s="193"/>
      <c r="GJ55" s="193"/>
      <c r="GK55" s="193"/>
      <c r="GL55" s="193"/>
      <c r="GM55" s="193"/>
      <c r="GN55" s="193"/>
      <c r="GO55" s="193"/>
      <c r="GP55" s="205"/>
      <c r="GQ55" s="206"/>
      <c r="GR55" s="206"/>
      <c r="GS55" s="206"/>
      <c r="GT55" s="206"/>
      <c r="GU55" s="206"/>
      <c r="GV55" s="206"/>
      <c r="GW55" s="206"/>
      <c r="GX55" s="206"/>
      <c r="GY55" s="206"/>
      <c r="GZ55" s="206"/>
      <c r="HA55" s="206"/>
      <c r="HB55" s="206"/>
      <c r="HC55" s="206"/>
      <c r="HD55" s="206"/>
      <c r="HE55" s="206"/>
      <c r="HF55" s="206"/>
      <c r="HG55" s="206"/>
      <c r="HH55" s="206"/>
      <c r="HI55" s="206"/>
      <c r="HJ55" s="206"/>
      <c r="HK55" s="206"/>
      <c r="HL55" s="206"/>
      <c r="HM55" s="206"/>
      <c r="HN55" s="206"/>
      <c r="HO55" s="206"/>
      <c r="HP55" s="206"/>
      <c r="HQ55" s="207"/>
    </row>
    <row r="56" spans="2:225" ht="6" customHeight="1">
      <c r="B56" s="225"/>
      <c r="C56" s="225"/>
      <c r="D56" s="225"/>
      <c r="E56" s="225"/>
      <c r="F56" s="225"/>
      <c r="G56" s="225"/>
      <c r="H56" s="225"/>
      <c r="I56" s="225"/>
      <c r="J56" s="225"/>
      <c r="K56" s="225"/>
      <c r="L56" s="225"/>
      <c r="M56" s="225"/>
      <c r="N56" s="225"/>
      <c r="O56" s="225"/>
      <c r="P56" s="226"/>
      <c r="Q56" s="227"/>
      <c r="R56" s="228"/>
      <c r="S56" s="228"/>
      <c r="T56" s="228"/>
      <c r="U56" s="228"/>
      <c r="V56" s="228"/>
      <c r="W56" s="228"/>
      <c r="X56" s="228"/>
      <c r="Y56" s="228"/>
      <c r="Z56" s="228"/>
      <c r="AA56" s="228"/>
      <c r="AB56" s="228"/>
      <c r="AC56" s="228"/>
      <c r="AD56" s="228"/>
      <c r="AE56" s="228"/>
      <c r="AF56" s="228"/>
      <c r="AG56" s="228"/>
      <c r="AH56" s="228"/>
      <c r="AI56" s="228"/>
      <c r="AJ56" s="228"/>
      <c r="AK56" s="228"/>
      <c r="AL56" s="228"/>
      <c r="AM56" s="228"/>
      <c r="AN56" s="228"/>
      <c r="AO56" s="228"/>
      <c r="AP56" s="228"/>
      <c r="AQ56" s="228"/>
      <c r="AR56" s="228"/>
      <c r="AS56" s="228"/>
      <c r="AT56" s="228"/>
      <c r="AU56" s="228"/>
      <c r="AV56" s="228"/>
      <c r="AW56" s="228"/>
      <c r="AX56" s="228"/>
      <c r="AY56" s="228"/>
      <c r="AZ56" s="228"/>
      <c r="BA56" s="228"/>
      <c r="BB56" s="228"/>
      <c r="BC56" s="228"/>
      <c r="BD56" s="228"/>
      <c r="BE56" s="228"/>
      <c r="BF56" s="228"/>
      <c r="BG56" s="228"/>
      <c r="BH56" s="228"/>
      <c r="BI56" s="228"/>
      <c r="BJ56" s="228"/>
      <c r="BK56" s="228"/>
      <c r="BL56" s="228"/>
      <c r="BM56" s="228"/>
      <c r="BN56" s="228"/>
      <c r="BO56" s="228"/>
      <c r="BP56" s="228"/>
      <c r="BQ56" s="228"/>
      <c r="BR56" s="228"/>
      <c r="BS56" s="228"/>
      <c r="BT56" s="228"/>
      <c r="BU56" s="228"/>
      <c r="BV56" s="228"/>
      <c r="BW56" s="228"/>
      <c r="BX56" s="228"/>
      <c r="BY56" s="228"/>
      <c r="BZ56" s="228"/>
      <c r="CA56" s="228"/>
      <c r="CB56" s="228"/>
      <c r="CC56" s="228"/>
      <c r="CD56" s="228"/>
      <c r="CE56" s="228"/>
      <c r="CF56" s="228"/>
      <c r="CG56" s="229"/>
      <c r="CH56" s="230"/>
      <c r="CI56" s="193"/>
      <c r="CJ56" s="193"/>
      <c r="CK56" s="193"/>
      <c r="CL56" s="193"/>
      <c r="CM56" s="193"/>
      <c r="CN56" s="193"/>
      <c r="CO56" s="193"/>
      <c r="CP56" s="193"/>
      <c r="CQ56" s="193"/>
      <c r="CR56" s="193"/>
      <c r="CS56" s="193"/>
      <c r="CT56" s="193"/>
      <c r="CU56" s="193"/>
      <c r="CV56" s="193"/>
      <c r="CW56" s="193"/>
      <c r="CX56" s="193"/>
      <c r="CY56" s="193"/>
      <c r="CZ56" s="193"/>
      <c r="DA56" s="193"/>
      <c r="DB56" s="193"/>
      <c r="DC56" s="193"/>
      <c r="DD56" s="193"/>
      <c r="DE56" s="193"/>
      <c r="DF56" s="193"/>
      <c r="DG56" s="193"/>
      <c r="DH56" s="193"/>
      <c r="DI56" s="234"/>
      <c r="DJ56" s="234"/>
      <c r="DK56" s="234"/>
      <c r="DL56" s="234"/>
      <c r="DM56" s="234"/>
      <c r="DN56" s="234"/>
      <c r="DO56" s="234"/>
      <c r="DP56" s="234"/>
      <c r="DQ56" s="234"/>
      <c r="DR56" s="234"/>
      <c r="DS56" s="234"/>
      <c r="DT56" s="234"/>
      <c r="DU56" s="235"/>
      <c r="DV56" s="235"/>
      <c r="DW56" s="235"/>
      <c r="DX56" s="235"/>
      <c r="DY56" s="235"/>
      <c r="DZ56" s="235"/>
      <c r="EA56" s="235"/>
      <c r="EB56" s="235"/>
      <c r="EC56" s="235"/>
      <c r="ED56" s="235"/>
      <c r="EE56" s="235"/>
      <c r="EF56" s="235"/>
      <c r="EG56" s="239"/>
      <c r="EH56" s="240"/>
      <c r="EI56" s="240"/>
      <c r="EJ56" s="240"/>
      <c r="EK56" s="240"/>
      <c r="EL56" s="240"/>
      <c r="EM56" s="240"/>
      <c r="EN56" s="240"/>
      <c r="EO56" s="240"/>
      <c r="EP56" s="240"/>
      <c r="EQ56" s="240"/>
      <c r="ER56" s="240"/>
      <c r="ES56" s="240"/>
      <c r="ET56" s="240"/>
      <c r="EU56" s="241"/>
      <c r="EV56" s="199"/>
      <c r="EW56" s="200"/>
      <c r="EX56" s="200"/>
      <c r="EY56" s="200"/>
      <c r="EZ56" s="200"/>
      <c r="FA56" s="200"/>
      <c r="FB56" s="200"/>
      <c r="FC56" s="200"/>
      <c r="FD56" s="200"/>
      <c r="FE56" s="200"/>
      <c r="FF56" s="200"/>
      <c r="FG56" s="200"/>
      <c r="FH56" s="200"/>
      <c r="FI56" s="200"/>
      <c r="FJ56" s="200"/>
      <c r="FK56" s="200"/>
      <c r="FL56" s="200"/>
      <c r="FM56" s="201"/>
      <c r="FN56" s="193"/>
      <c r="FO56" s="193"/>
      <c r="FP56" s="193"/>
      <c r="FQ56" s="193"/>
      <c r="FR56" s="193"/>
      <c r="FS56" s="193"/>
      <c r="FT56" s="193"/>
      <c r="FU56" s="193"/>
      <c r="FV56" s="193"/>
      <c r="FW56" s="193"/>
      <c r="FX56" s="193"/>
      <c r="FY56" s="193"/>
      <c r="FZ56" s="193"/>
      <c r="GA56" s="193"/>
      <c r="GB56" s="193"/>
      <c r="GC56" s="193"/>
      <c r="GD56" s="193"/>
      <c r="GE56" s="193"/>
      <c r="GF56" s="193"/>
      <c r="GG56" s="193"/>
      <c r="GH56" s="193"/>
      <c r="GI56" s="193"/>
      <c r="GJ56" s="193"/>
      <c r="GK56" s="193"/>
      <c r="GL56" s="193"/>
      <c r="GM56" s="193"/>
      <c r="GN56" s="193"/>
      <c r="GO56" s="193"/>
      <c r="GP56" s="208"/>
      <c r="GQ56" s="209"/>
      <c r="GR56" s="209"/>
      <c r="GS56" s="209"/>
      <c r="GT56" s="209"/>
      <c r="GU56" s="209"/>
      <c r="GV56" s="209"/>
      <c r="GW56" s="209"/>
      <c r="GX56" s="209"/>
      <c r="GY56" s="209"/>
      <c r="GZ56" s="209"/>
      <c r="HA56" s="209"/>
      <c r="HB56" s="209"/>
      <c r="HC56" s="209"/>
      <c r="HD56" s="209"/>
      <c r="HE56" s="209"/>
      <c r="HF56" s="209"/>
      <c r="HG56" s="209"/>
      <c r="HH56" s="209"/>
      <c r="HI56" s="209"/>
      <c r="HJ56" s="209"/>
      <c r="HK56" s="209"/>
      <c r="HL56" s="209"/>
      <c r="HM56" s="209"/>
      <c r="HN56" s="209"/>
      <c r="HO56" s="209"/>
      <c r="HP56" s="209"/>
      <c r="HQ56" s="210"/>
    </row>
    <row r="57" spans="2:225" ht="6" customHeight="1">
      <c r="B57" s="225"/>
      <c r="C57" s="225"/>
      <c r="D57" s="225"/>
      <c r="E57" s="225"/>
      <c r="F57" s="225"/>
      <c r="G57" s="225"/>
      <c r="H57" s="225"/>
      <c r="I57" s="225"/>
      <c r="J57" s="225"/>
      <c r="K57" s="225"/>
      <c r="L57" s="225"/>
      <c r="M57" s="225"/>
      <c r="N57" s="225"/>
      <c r="O57" s="225"/>
      <c r="P57" s="226"/>
      <c r="Q57" s="227"/>
      <c r="R57" s="228"/>
      <c r="S57" s="228"/>
      <c r="T57" s="228"/>
      <c r="U57" s="228"/>
      <c r="V57" s="228"/>
      <c r="W57" s="228"/>
      <c r="X57" s="228"/>
      <c r="Y57" s="228"/>
      <c r="Z57" s="228"/>
      <c r="AA57" s="228"/>
      <c r="AB57" s="228"/>
      <c r="AC57" s="228"/>
      <c r="AD57" s="228"/>
      <c r="AE57" s="228"/>
      <c r="AF57" s="228"/>
      <c r="AG57" s="228"/>
      <c r="AH57" s="228"/>
      <c r="AI57" s="228"/>
      <c r="AJ57" s="228"/>
      <c r="AK57" s="228"/>
      <c r="AL57" s="228"/>
      <c r="AM57" s="228"/>
      <c r="AN57" s="228"/>
      <c r="AO57" s="228"/>
      <c r="AP57" s="228"/>
      <c r="AQ57" s="228"/>
      <c r="AR57" s="228"/>
      <c r="AS57" s="228"/>
      <c r="AT57" s="228"/>
      <c r="AU57" s="228"/>
      <c r="AV57" s="228"/>
      <c r="AW57" s="228"/>
      <c r="AX57" s="228"/>
      <c r="AY57" s="228"/>
      <c r="AZ57" s="228"/>
      <c r="BA57" s="228"/>
      <c r="BB57" s="228"/>
      <c r="BC57" s="228"/>
      <c r="BD57" s="228"/>
      <c r="BE57" s="228"/>
      <c r="BF57" s="228"/>
      <c r="BG57" s="228"/>
      <c r="BH57" s="228"/>
      <c r="BI57" s="228"/>
      <c r="BJ57" s="228"/>
      <c r="BK57" s="228"/>
      <c r="BL57" s="228"/>
      <c r="BM57" s="228"/>
      <c r="BN57" s="228"/>
      <c r="BO57" s="228"/>
      <c r="BP57" s="228"/>
      <c r="BQ57" s="228"/>
      <c r="BR57" s="228"/>
      <c r="BS57" s="228"/>
      <c r="BT57" s="228"/>
      <c r="BU57" s="228"/>
      <c r="BV57" s="228"/>
      <c r="BW57" s="228"/>
      <c r="BX57" s="228"/>
      <c r="BY57" s="228"/>
      <c r="BZ57" s="228"/>
      <c r="CA57" s="228"/>
      <c r="CB57" s="228"/>
      <c r="CC57" s="228"/>
      <c r="CD57" s="228"/>
      <c r="CE57" s="228"/>
      <c r="CF57" s="228"/>
      <c r="CG57" s="229"/>
      <c r="CH57" s="230"/>
      <c r="CI57" s="193"/>
      <c r="CJ57" s="193"/>
      <c r="CK57" s="193"/>
      <c r="CL57" s="193"/>
      <c r="CM57" s="193"/>
      <c r="CN57" s="193"/>
      <c r="CO57" s="193"/>
      <c r="CP57" s="193"/>
      <c r="CQ57" s="193"/>
      <c r="CR57" s="193"/>
      <c r="CS57" s="193"/>
      <c r="CT57" s="193"/>
      <c r="CU57" s="193"/>
      <c r="CV57" s="193"/>
      <c r="CW57" s="193"/>
      <c r="CX57" s="193"/>
      <c r="CY57" s="193"/>
      <c r="CZ57" s="193"/>
      <c r="DA57" s="193"/>
      <c r="DB57" s="193"/>
      <c r="DC57" s="193"/>
      <c r="DD57" s="193"/>
      <c r="DE57" s="193"/>
      <c r="DF57" s="193"/>
      <c r="DG57" s="193"/>
      <c r="DH57" s="193"/>
      <c r="DI57" s="234"/>
      <c r="DJ57" s="234"/>
      <c r="DK57" s="234"/>
      <c r="DL57" s="234"/>
      <c r="DM57" s="234"/>
      <c r="DN57" s="234"/>
      <c r="DO57" s="234"/>
      <c r="DP57" s="234"/>
      <c r="DQ57" s="234"/>
      <c r="DR57" s="234"/>
      <c r="DS57" s="234"/>
      <c r="DT57" s="234"/>
      <c r="DU57" s="235"/>
      <c r="DV57" s="235"/>
      <c r="DW57" s="235"/>
      <c r="DX57" s="235"/>
      <c r="DY57" s="235"/>
      <c r="DZ57" s="235"/>
      <c r="EA57" s="235"/>
      <c r="EB57" s="235"/>
      <c r="EC57" s="235"/>
      <c r="ED57" s="235"/>
      <c r="EE57" s="235"/>
      <c r="EF57" s="235"/>
      <c r="EG57" s="239"/>
      <c r="EH57" s="240"/>
      <c r="EI57" s="240"/>
      <c r="EJ57" s="240"/>
      <c r="EK57" s="240"/>
      <c r="EL57" s="240"/>
      <c r="EM57" s="240"/>
      <c r="EN57" s="240"/>
      <c r="EO57" s="240"/>
      <c r="EP57" s="240"/>
      <c r="EQ57" s="240"/>
      <c r="ER57" s="240"/>
      <c r="ES57" s="240"/>
      <c r="ET57" s="240"/>
      <c r="EU57" s="241"/>
      <c r="EV57" s="199"/>
      <c r="EW57" s="200"/>
      <c r="EX57" s="200"/>
      <c r="EY57" s="200"/>
      <c r="EZ57" s="200"/>
      <c r="FA57" s="200"/>
      <c r="FB57" s="200"/>
      <c r="FC57" s="200"/>
      <c r="FD57" s="200"/>
      <c r="FE57" s="200"/>
      <c r="FF57" s="200"/>
      <c r="FG57" s="200"/>
      <c r="FH57" s="200"/>
      <c r="FI57" s="200"/>
      <c r="FJ57" s="200"/>
      <c r="FK57" s="200"/>
      <c r="FL57" s="200"/>
      <c r="FM57" s="201"/>
      <c r="FN57" s="193"/>
      <c r="FO57" s="193"/>
      <c r="FP57" s="193"/>
      <c r="FQ57" s="193"/>
      <c r="FR57" s="193"/>
      <c r="FS57" s="193"/>
      <c r="FT57" s="193"/>
      <c r="FU57" s="193"/>
      <c r="FV57" s="193"/>
      <c r="FW57" s="193"/>
      <c r="FX57" s="193"/>
      <c r="FY57" s="193"/>
      <c r="FZ57" s="193"/>
      <c r="GA57" s="193"/>
      <c r="GB57" s="193"/>
      <c r="GC57" s="193"/>
      <c r="GD57" s="193"/>
      <c r="GE57" s="193"/>
      <c r="GF57" s="193"/>
      <c r="GG57" s="193"/>
      <c r="GH57" s="193"/>
      <c r="GI57" s="193"/>
      <c r="GJ57" s="193"/>
      <c r="GK57" s="193"/>
      <c r="GL57" s="193"/>
      <c r="GM57" s="193"/>
      <c r="GN57" s="193"/>
      <c r="GO57" s="193"/>
      <c r="GP57" s="208"/>
      <c r="GQ57" s="209"/>
      <c r="GR57" s="209"/>
      <c r="GS57" s="209"/>
      <c r="GT57" s="209"/>
      <c r="GU57" s="209"/>
      <c r="GV57" s="209"/>
      <c r="GW57" s="209"/>
      <c r="GX57" s="209"/>
      <c r="GY57" s="209"/>
      <c r="GZ57" s="209"/>
      <c r="HA57" s="209"/>
      <c r="HB57" s="209"/>
      <c r="HC57" s="209"/>
      <c r="HD57" s="209"/>
      <c r="HE57" s="209"/>
      <c r="HF57" s="209"/>
      <c r="HG57" s="209"/>
      <c r="HH57" s="209"/>
      <c r="HI57" s="209"/>
      <c r="HJ57" s="209"/>
      <c r="HK57" s="209"/>
      <c r="HL57" s="209"/>
      <c r="HM57" s="209"/>
      <c r="HN57" s="209"/>
      <c r="HO57" s="209"/>
      <c r="HP57" s="209"/>
      <c r="HQ57" s="210"/>
    </row>
    <row r="58" spans="2:225" ht="6" customHeight="1">
      <c r="B58" s="225"/>
      <c r="C58" s="225"/>
      <c r="D58" s="225"/>
      <c r="E58" s="225"/>
      <c r="F58" s="225"/>
      <c r="G58" s="225"/>
      <c r="H58" s="225"/>
      <c r="I58" s="225"/>
      <c r="J58" s="225"/>
      <c r="K58" s="225"/>
      <c r="L58" s="225"/>
      <c r="M58" s="225"/>
      <c r="N58" s="225"/>
      <c r="O58" s="225"/>
      <c r="P58" s="226"/>
      <c r="Q58" s="227"/>
      <c r="R58" s="228"/>
      <c r="S58" s="228"/>
      <c r="T58" s="228"/>
      <c r="U58" s="228"/>
      <c r="V58" s="228"/>
      <c r="W58" s="228"/>
      <c r="X58" s="228"/>
      <c r="Y58" s="228"/>
      <c r="Z58" s="228"/>
      <c r="AA58" s="228"/>
      <c r="AB58" s="228"/>
      <c r="AC58" s="228"/>
      <c r="AD58" s="228"/>
      <c r="AE58" s="228"/>
      <c r="AF58" s="228"/>
      <c r="AG58" s="228"/>
      <c r="AH58" s="228"/>
      <c r="AI58" s="228"/>
      <c r="AJ58" s="228"/>
      <c r="AK58" s="228"/>
      <c r="AL58" s="228"/>
      <c r="AM58" s="228"/>
      <c r="AN58" s="228"/>
      <c r="AO58" s="228"/>
      <c r="AP58" s="228"/>
      <c r="AQ58" s="228"/>
      <c r="AR58" s="228"/>
      <c r="AS58" s="228"/>
      <c r="AT58" s="228"/>
      <c r="AU58" s="228"/>
      <c r="AV58" s="228"/>
      <c r="AW58" s="228"/>
      <c r="AX58" s="228"/>
      <c r="AY58" s="228"/>
      <c r="AZ58" s="228"/>
      <c r="BA58" s="228"/>
      <c r="BB58" s="228"/>
      <c r="BC58" s="228"/>
      <c r="BD58" s="228"/>
      <c r="BE58" s="228"/>
      <c r="BF58" s="228"/>
      <c r="BG58" s="228"/>
      <c r="BH58" s="228"/>
      <c r="BI58" s="228"/>
      <c r="BJ58" s="228"/>
      <c r="BK58" s="228"/>
      <c r="BL58" s="228"/>
      <c r="BM58" s="228"/>
      <c r="BN58" s="228"/>
      <c r="BO58" s="228"/>
      <c r="BP58" s="228"/>
      <c r="BQ58" s="228"/>
      <c r="BR58" s="228"/>
      <c r="BS58" s="228"/>
      <c r="BT58" s="228"/>
      <c r="BU58" s="228"/>
      <c r="BV58" s="228"/>
      <c r="BW58" s="228"/>
      <c r="BX58" s="228"/>
      <c r="BY58" s="228"/>
      <c r="BZ58" s="228"/>
      <c r="CA58" s="228"/>
      <c r="CB58" s="228"/>
      <c r="CC58" s="228"/>
      <c r="CD58" s="228"/>
      <c r="CE58" s="228"/>
      <c r="CF58" s="228"/>
      <c r="CG58" s="229"/>
      <c r="CH58" s="230"/>
      <c r="CI58" s="193"/>
      <c r="CJ58" s="193"/>
      <c r="CK58" s="193"/>
      <c r="CL58" s="193"/>
      <c r="CM58" s="193"/>
      <c r="CN58" s="193"/>
      <c r="CO58" s="193"/>
      <c r="CP58" s="193"/>
      <c r="CQ58" s="193"/>
      <c r="CR58" s="193"/>
      <c r="CS58" s="193"/>
      <c r="CT58" s="193"/>
      <c r="CU58" s="193"/>
      <c r="CV58" s="193"/>
      <c r="CW58" s="193"/>
      <c r="CX58" s="193"/>
      <c r="CY58" s="193"/>
      <c r="CZ58" s="193"/>
      <c r="DA58" s="193"/>
      <c r="DB58" s="193"/>
      <c r="DC58" s="193"/>
      <c r="DD58" s="193"/>
      <c r="DE58" s="193"/>
      <c r="DF58" s="193"/>
      <c r="DG58" s="193"/>
      <c r="DH58" s="193"/>
      <c r="DI58" s="234"/>
      <c r="DJ58" s="234"/>
      <c r="DK58" s="234"/>
      <c r="DL58" s="234"/>
      <c r="DM58" s="234"/>
      <c r="DN58" s="234"/>
      <c r="DO58" s="234"/>
      <c r="DP58" s="234"/>
      <c r="DQ58" s="234"/>
      <c r="DR58" s="234"/>
      <c r="DS58" s="234"/>
      <c r="DT58" s="234"/>
      <c r="DU58" s="235"/>
      <c r="DV58" s="235"/>
      <c r="DW58" s="235"/>
      <c r="DX58" s="235"/>
      <c r="DY58" s="235"/>
      <c r="DZ58" s="235"/>
      <c r="EA58" s="235"/>
      <c r="EB58" s="235"/>
      <c r="EC58" s="235"/>
      <c r="ED58" s="235"/>
      <c r="EE58" s="235"/>
      <c r="EF58" s="235"/>
      <c r="EG58" s="242"/>
      <c r="EH58" s="243"/>
      <c r="EI58" s="243"/>
      <c r="EJ58" s="243"/>
      <c r="EK58" s="243"/>
      <c r="EL58" s="243"/>
      <c r="EM58" s="243"/>
      <c r="EN58" s="243"/>
      <c r="EO58" s="243"/>
      <c r="EP58" s="243"/>
      <c r="EQ58" s="243"/>
      <c r="ER58" s="243"/>
      <c r="ES58" s="243"/>
      <c r="ET58" s="243"/>
      <c r="EU58" s="244"/>
      <c r="EV58" s="202"/>
      <c r="EW58" s="203"/>
      <c r="EX58" s="203"/>
      <c r="EY58" s="203"/>
      <c r="EZ58" s="203"/>
      <c r="FA58" s="203"/>
      <c r="FB58" s="203"/>
      <c r="FC58" s="203"/>
      <c r="FD58" s="203"/>
      <c r="FE58" s="203"/>
      <c r="FF58" s="203"/>
      <c r="FG58" s="203"/>
      <c r="FH58" s="203"/>
      <c r="FI58" s="203"/>
      <c r="FJ58" s="203"/>
      <c r="FK58" s="203"/>
      <c r="FL58" s="203"/>
      <c r="FM58" s="204"/>
      <c r="FN58" s="193"/>
      <c r="FO58" s="193"/>
      <c r="FP58" s="193"/>
      <c r="FQ58" s="193"/>
      <c r="FR58" s="193"/>
      <c r="FS58" s="193"/>
      <c r="FT58" s="193"/>
      <c r="FU58" s="193"/>
      <c r="FV58" s="193"/>
      <c r="FW58" s="193"/>
      <c r="FX58" s="193"/>
      <c r="FY58" s="193"/>
      <c r="FZ58" s="193"/>
      <c r="GA58" s="193"/>
      <c r="GB58" s="193"/>
      <c r="GC58" s="193"/>
      <c r="GD58" s="193"/>
      <c r="GE58" s="193"/>
      <c r="GF58" s="193"/>
      <c r="GG58" s="193"/>
      <c r="GH58" s="193"/>
      <c r="GI58" s="193"/>
      <c r="GJ58" s="193"/>
      <c r="GK58" s="193"/>
      <c r="GL58" s="193"/>
      <c r="GM58" s="193"/>
      <c r="GN58" s="193"/>
      <c r="GO58" s="193"/>
      <c r="GP58" s="231"/>
      <c r="GQ58" s="232"/>
      <c r="GR58" s="232"/>
      <c r="GS58" s="232"/>
      <c r="GT58" s="232"/>
      <c r="GU58" s="232"/>
      <c r="GV58" s="232"/>
      <c r="GW58" s="232"/>
      <c r="GX58" s="232"/>
      <c r="GY58" s="232"/>
      <c r="GZ58" s="232"/>
      <c r="HA58" s="232"/>
      <c r="HB58" s="232"/>
      <c r="HC58" s="232"/>
      <c r="HD58" s="232"/>
      <c r="HE58" s="232"/>
      <c r="HF58" s="232"/>
      <c r="HG58" s="232"/>
      <c r="HH58" s="232"/>
      <c r="HI58" s="232"/>
      <c r="HJ58" s="232"/>
      <c r="HK58" s="232"/>
      <c r="HL58" s="232"/>
      <c r="HM58" s="232"/>
      <c r="HN58" s="232"/>
      <c r="HO58" s="232"/>
      <c r="HP58" s="232"/>
      <c r="HQ58" s="233"/>
    </row>
    <row r="59" spans="2:225" ht="6" customHeight="1">
      <c r="B59" s="225"/>
      <c r="C59" s="225"/>
      <c r="D59" s="225"/>
      <c r="E59" s="225"/>
      <c r="F59" s="225"/>
      <c r="G59" s="225"/>
      <c r="H59" s="225"/>
      <c r="I59" s="225"/>
      <c r="J59" s="225"/>
      <c r="K59" s="225"/>
      <c r="L59" s="225"/>
      <c r="M59" s="225"/>
      <c r="N59" s="225"/>
      <c r="O59" s="225"/>
      <c r="P59" s="226"/>
      <c r="Q59" s="227"/>
      <c r="R59" s="228"/>
      <c r="S59" s="228"/>
      <c r="T59" s="228"/>
      <c r="U59" s="228"/>
      <c r="V59" s="228"/>
      <c r="W59" s="228"/>
      <c r="X59" s="228"/>
      <c r="Y59" s="228"/>
      <c r="Z59" s="228"/>
      <c r="AA59" s="228"/>
      <c r="AB59" s="228"/>
      <c r="AC59" s="228"/>
      <c r="AD59" s="228"/>
      <c r="AE59" s="228"/>
      <c r="AF59" s="228"/>
      <c r="AG59" s="228"/>
      <c r="AH59" s="228"/>
      <c r="AI59" s="228"/>
      <c r="AJ59" s="228"/>
      <c r="AK59" s="228"/>
      <c r="AL59" s="228"/>
      <c r="AM59" s="228"/>
      <c r="AN59" s="228"/>
      <c r="AO59" s="228"/>
      <c r="AP59" s="228"/>
      <c r="AQ59" s="228"/>
      <c r="AR59" s="228"/>
      <c r="AS59" s="228"/>
      <c r="AT59" s="228"/>
      <c r="AU59" s="228"/>
      <c r="AV59" s="228"/>
      <c r="AW59" s="228"/>
      <c r="AX59" s="228"/>
      <c r="AY59" s="228"/>
      <c r="AZ59" s="228"/>
      <c r="BA59" s="228"/>
      <c r="BB59" s="228"/>
      <c r="BC59" s="228"/>
      <c r="BD59" s="228"/>
      <c r="BE59" s="228"/>
      <c r="BF59" s="228"/>
      <c r="BG59" s="228"/>
      <c r="BH59" s="228"/>
      <c r="BI59" s="228"/>
      <c r="BJ59" s="228"/>
      <c r="BK59" s="228"/>
      <c r="BL59" s="228"/>
      <c r="BM59" s="228"/>
      <c r="BN59" s="228"/>
      <c r="BO59" s="228"/>
      <c r="BP59" s="228"/>
      <c r="BQ59" s="228"/>
      <c r="BR59" s="228"/>
      <c r="BS59" s="228"/>
      <c r="BT59" s="228"/>
      <c r="BU59" s="228"/>
      <c r="BV59" s="228"/>
      <c r="BW59" s="228"/>
      <c r="BX59" s="228"/>
      <c r="BY59" s="228"/>
      <c r="BZ59" s="228"/>
      <c r="CA59" s="228"/>
      <c r="CB59" s="228"/>
      <c r="CC59" s="228"/>
      <c r="CD59" s="228"/>
      <c r="CE59" s="228"/>
      <c r="CF59" s="228"/>
      <c r="CG59" s="229"/>
      <c r="CH59" s="230"/>
      <c r="CI59" s="193"/>
      <c r="CJ59" s="193"/>
      <c r="CK59" s="193"/>
      <c r="CL59" s="193"/>
      <c r="CM59" s="193"/>
      <c r="CN59" s="193"/>
      <c r="CO59" s="193"/>
      <c r="CP59" s="193"/>
      <c r="CQ59" s="193"/>
      <c r="CR59" s="193"/>
      <c r="CS59" s="193"/>
      <c r="CT59" s="193"/>
      <c r="CU59" s="193"/>
      <c r="CV59" s="193"/>
      <c r="CW59" s="193"/>
      <c r="CX59" s="193"/>
      <c r="CY59" s="193"/>
      <c r="CZ59" s="193"/>
      <c r="DA59" s="193"/>
      <c r="DB59" s="193"/>
      <c r="DC59" s="193"/>
      <c r="DD59" s="193"/>
      <c r="DE59" s="193"/>
      <c r="DF59" s="193"/>
      <c r="DG59" s="193"/>
      <c r="DH59" s="193"/>
      <c r="DI59" s="234"/>
      <c r="DJ59" s="234"/>
      <c r="DK59" s="234"/>
      <c r="DL59" s="234"/>
      <c r="DM59" s="234"/>
      <c r="DN59" s="234"/>
      <c r="DO59" s="234"/>
      <c r="DP59" s="234"/>
      <c r="DQ59" s="234"/>
      <c r="DR59" s="234"/>
      <c r="DS59" s="234"/>
      <c r="DT59" s="234"/>
      <c r="DU59" s="235"/>
      <c r="DV59" s="235"/>
      <c r="DW59" s="235"/>
      <c r="DX59" s="235"/>
      <c r="DY59" s="235"/>
      <c r="DZ59" s="235"/>
      <c r="EA59" s="235"/>
      <c r="EB59" s="235"/>
      <c r="EC59" s="235"/>
      <c r="ED59" s="235"/>
      <c r="EE59" s="235"/>
      <c r="EF59" s="235"/>
      <c r="EG59" s="236"/>
      <c r="EH59" s="237"/>
      <c r="EI59" s="237"/>
      <c r="EJ59" s="237"/>
      <c r="EK59" s="237"/>
      <c r="EL59" s="237"/>
      <c r="EM59" s="237"/>
      <c r="EN59" s="237"/>
      <c r="EO59" s="237"/>
      <c r="EP59" s="237"/>
      <c r="EQ59" s="237"/>
      <c r="ER59" s="237"/>
      <c r="ES59" s="237"/>
      <c r="ET59" s="237"/>
      <c r="EU59" s="238"/>
      <c r="EV59" s="196"/>
      <c r="EW59" s="197"/>
      <c r="EX59" s="197"/>
      <c r="EY59" s="197"/>
      <c r="EZ59" s="197"/>
      <c r="FA59" s="197"/>
      <c r="FB59" s="197"/>
      <c r="FC59" s="197"/>
      <c r="FD59" s="197"/>
      <c r="FE59" s="197"/>
      <c r="FF59" s="197"/>
      <c r="FG59" s="197"/>
      <c r="FH59" s="197"/>
      <c r="FI59" s="197"/>
      <c r="FJ59" s="197"/>
      <c r="FK59" s="197"/>
      <c r="FL59" s="197"/>
      <c r="FM59" s="198"/>
      <c r="FN59" s="193"/>
      <c r="FO59" s="193"/>
      <c r="FP59" s="193"/>
      <c r="FQ59" s="193"/>
      <c r="FR59" s="193"/>
      <c r="FS59" s="193"/>
      <c r="FT59" s="193"/>
      <c r="FU59" s="193"/>
      <c r="FV59" s="193"/>
      <c r="FW59" s="193"/>
      <c r="FX59" s="193"/>
      <c r="FY59" s="193"/>
      <c r="FZ59" s="193"/>
      <c r="GA59" s="193"/>
      <c r="GB59" s="193"/>
      <c r="GC59" s="193"/>
      <c r="GD59" s="193"/>
      <c r="GE59" s="193"/>
      <c r="GF59" s="193"/>
      <c r="GG59" s="193"/>
      <c r="GH59" s="193"/>
      <c r="GI59" s="193"/>
      <c r="GJ59" s="193"/>
      <c r="GK59" s="193"/>
      <c r="GL59" s="193"/>
      <c r="GM59" s="193"/>
      <c r="GN59" s="193"/>
      <c r="GO59" s="193"/>
      <c r="GP59" s="205"/>
      <c r="GQ59" s="206"/>
      <c r="GR59" s="206"/>
      <c r="GS59" s="206"/>
      <c r="GT59" s="206"/>
      <c r="GU59" s="206"/>
      <c r="GV59" s="206"/>
      <c r="GW59" s="206"/>
      <c r="GX59" s="206"/>
      <c r="GY59" s="206"/>
      <c r="GZ59" s="206"/>
      <c r="HA59" s="206"/>
      <c r="HB59" s="206"/>
      <c r="HC59" s="206"/>
      <c r="HD59" s="206"/>
      <c r="HE59" s="206"/>
      <c r="HF59" s="206"/>
      <c r="HG59" s="206"/>
      <c r="HH59" s="206"/>
      <c r="HI59" s="206"/>
      <c r="HJ59" s="206"/>
      <c r="HK59" s="206"/>
      <c r="HL59" s="206"/>
      <c r="HM59" s="206"/>
      <c r="HN59" s="206"/>
      <c r="HO59" s="206"/>
      <c r="HP59" s="206"/>
      <c r="HQ59" s="207"/>
    </row>
    <row r="60" spans="2:225" ht="6" customHeight="1">
      <c r="B60" s="225"/>
      <c r="C60" s="225"/>
      <c r="D60" s="225"/>
      <c r="E60" s="225"/>
      <c r="F60" s="225"/>
      <c r="G60" s="225"/>
      <c r="H60" s="225"/>
      <c r="I60" s="225"/>
      <c r="J60" s="225"/>
      <c r="K60" s="225"/>
      <c r="L60" s="225"/>
      <c r="M60" s="225"/>
      <c r="N60" s="225"/>
      <c r="O60" s="225"/>
      <c r="P60" s="226"/>
      <c r="Q60" s="227"/>
      <c r="R60" s="228"/>
      <c r="S60" s="228"/>
      <c r="T60" s="228"/>
      <c r="U60" s="228"/>
      <c r="V60" s="228"/>
      <c r="W60" s="228"/>
      <c r="X60" s="228"/>
      <c r="Y60" s="228"/>
      <c r="Z60" s="228"/>
      <c r="AA60" s="228"/>
      <c r="AB60" s="228"/>
      <c r="AC60" s="228"/>
      <c r="AD60" s="228"/>
      <c r="AE60" s="228"/>
      <c r="AF60" s="228"/>
      <c r="AG60" s="228"/>
      <c r="AH60" s="228"/>
      <c r="AI60" s="228"/>
      <c r="AJ60" s="228"/>
      <c r="AK60" s="228"/>
      <c r="AL60" s="228"/>
      <c r="AM60" s="228"/>
      <c r="AN60" s="228"/>
      <c r="AO60" s="228"/>
      <c r="AP60" s="228"/>
      <c r="AQ60" s="228"/>
      <c r="AR60" s="228"/>
      <c r="AS60" s="228"/>
      <c r="AT60" s="228"/>
      <c r="AU60" s="228"/>
      <c r="AV60" s="228"/>
      <c r="AW60" s="228"/>
      <c r="AX60" s="228"/>
      <c r="AY60" s="228"/>
      <c r="AZ60" s="228"/>
      <c r="BA60" s="228"/>
      <c r="BB60" s="228"/>
      <c r="BC60" s="228"/>
      <c r="BD60" s="228"/>
      <c r="BE60" s="228"/>
      <c r="BF60" s="228"/>
      <c r="BG60" s="228"/>
      <c r="BH60" s="228"/>
      <c r="BI60" s="228"/>
      <c r="BJ60" s="228"/>
      <c r="BK60" s="228"/>
      <c r="BL60" s="228"/>
      <c r="BM60" s="228"/>
      <c r="BN60" s="228"/>
      <c r="BO60" s="228"/>
      <c r="BP60" s="228"/>
      <c r="BQ60" s="228"/>
      <c r="BR60" s="228"/>
      <c r="BS60" s="228"/>
      <c r="BT60" s="228"/>
      <c r="BU60" s="228"/>
      <c r="BV60" s="228"/>
      <c r="BW60" s="228"/>
      <c r="BX60" s="228"/>
      <c r="BY60" s="228"/>
      <c r="BZ60" s="228"/>
      <c r="CA60" s="228"/>
      <c r="CB60" s="228"/>
      <c r="CC60" s="228"/>
      <c r="CD60" s="228"/>
      <c r="CE60" s="228"/>
      <c r="CF60" s="228"/>
      <c r="CG60" s="229"/>
      <c r="CH60" s="230"/>
      <c r="CI60" s="193"/>
      <c r="CJ60" s="193"/>
      <c r="CK60" s="193"/>
      <c r="CL60" s="193"/>
      <c r="CM60" s="193"/>
      <c r="CN60" s="193"/>
      <c r="CO60" s="193"/>
      <c r="CP60" s="193"/>
      <c r="CQ60" s="193"/>
      <c r="CR60" s="193"/>
      <c r="CS60" s="193"/>
      <c r="CT60" s="193"/>
      <c r="CU60" s="193"/>
      <c r="CV60" s="193"/>
      <c r="CW60" s="193"/>
      <c r="CX60" s="193"/>
      <c r="CY60" s="193"/>
      <c r="CZ60" s="193"/>
      <c r="DA60" s="193"/>
      <c r="DB60" s="193"/>
      <c r="DC60" s="193"/>
      <c r="DD60" s="193"/>
      <c r="DE60" s="193"/>
      <c r="DF60" s="193"/>
      <c r="DG60" s="193"/>
      <c r="DH60" s="193"/>
      <c r="DI60" s="234"/>
      <c r="DJ60" s="234"/>
      <c r="DK60" s="234"/>
      <c r="DL60" s="234"/>
      <c r="DM60" s="234"/>
      <c r="DN60" s="234"/>
      <c r="DO60" s="234"/>
      <c r="DP60" s="234"/>
      <c r="DQ60" s="234"/>
      <c r="DR60" s="234"/>
      <c r="DS60" s="234"/>
      <c r="DT60" s="234"/>
      <c r="DU60" s="235"/>
      <c r="DV60" s="235"/>
      <c r="DW60" s="235"/>
      <c r="DX60" s="235"/>
      <c r="DY60" s="235"/>
      <c r="DZ60" s="235"/>
      <c r="EA60" s="235"/>
      <c r="EB60" s="235"/>
      <c r="EC60" s="235"/>
      <c r="ED60" s="235"/>
      <c r="EE60" s="235"/>
      <c r="EF60" s="235"/>
      <c r="EG60" s="239"/>
      <c r="EH60" s="240"/>
      <c r="EI60" s="240"/>
      <c r="EJ60" s="240"/>
      <c r="EK60" s="240"/>
      <c r="EL60" s="240"/>
      <c r="EM60" s="240"/>
      <c r="EN60" s="240"/>
      <c r="EO60" s="240"/>
      <c r="EP60" s="240"/>
      <c r="EQ60" s="240"/>
      <c r="ER60" s="240"/>
      <c r="ES60" s="240"/>
      <c r="ET60" s="240"/>
      <c r="EU60" s="241"/>
      <c r="EV60" s="199"/>
      <c r="EW60" s="200"/>
      <c r="EX60" s="200"/>
      <c r="EY60" s="200"/>
      <c r="EZ60" s="200"/>
      <c r="FA60" s="200"/>
      <c r="FB60" s="200"/>
      <c r="FC60" s="200"/>
      <c r="FD60" s="200"/>
      <c r="FE60" s="200"/>
      <c r="FF60" s="200"/>
      <c r="FG60" s="200"/>
      <c r="FH60" s="200"/>
      <c r="FI60" s="200"/>
      <c r="FJ60" s="200"/>
      <c r="FK60" s="200"/>
      <c r="FL60" s="200"/>
      <c r="FM60" s="201"/>
      <c r="FN60" s="193"/>
      <c r="FO60" s="193"/>
      <c r="FP60" s="193"/>
      <c r="FQ60" s="193"/>
      <c r="FR60" s="193"/>
      <c r="FS60" s="193"/>
      <c r="FT60" s="193"/>
      <c r="FU60" s="193"/>
      <c r="FV60" s="193"/>
      <c r="FW60" s="193"/>
      <c r="FX60" s="193"/>
      <c r="FY60" s="193"/>
      <c r="FZ60" s="193"/>
      <c r="GA60" s="193"/>
      <c r="GB60" s="193"/>
      <c r="GC60" s="193"/>
      <c r="GD60" s="193"/>
      <c r="GE60" s="193"/>
      <c r="GF60" s="193"/>
      <c r="GG60" s="193"/>
      <c r="GH60" s="193"/>
      <c r="GI60" s="193"/>
      <c r="GJ60" s="193"/>
      <c r="GK60" s="193"/>
      <c r="GL60" s="193"/>
      <c r="GM60" s="193"/>
      <c r="GN60" s="193"/>
      <c r="GO60" s="193"/>
      <c r="GP60" s="208"/>
      <c r="GQ60" s="209"/>
      <c r="GR60" s="209"/>
      <c r="GS60" s="209"/>
      <c r="GT60" s="209"/>
      <c r="GU60" s="209"/>
      <c r="GV60" s="209"/>
      <c r="GW60" s="209"/>
      <c r="GX60" s="209"/>
      <c r="GY60" s="209"/>
      <c r="GZ60" s="209"/>
      <c r="HA60" s="209"/>
      <c r="HB60" s="209"/>
      <c r="HC60" s="209"/>
      <c r="HD60" s="209"/>
      <c r="HE60" s="209"/>
      <c r="HF60" s="209"/>
      <c r="HG60" s="209"/>
      <c r="HH60" s="209"/>
      <c r="HI60" s="209"/>
      <c r="HJ60" s="209"/>
      <c r="HK60" s="209"/>
      <c r="HL60" s="209"/>
      <c r="HM60" s="209"/>
      <c r="HN60" s="209"/>
      <c r="HO60" s="209"/>
      <c r="HP60" s="209"/>
      <c r="HQ60" s="210"/>
    </row>
    <row r="61" spans="2:225" ht="6" customHeight="1">
      <c r="B61" s="225"/>
      <c r="C61" s="225"/>
      <c r="D61" s="225"/>
      <c r="E61" s="225"/>
      <c r="F61" s="225"/>
      <c r="G61" s="225"/>
      <c r="H61" s="225"/>
      <c r="I61" s="225"/>
      <c r="J61" s="225"/>
      <c r="K61" s="225"/>
      <c r="L61" s="225"/>
      <c r="M61" s="225"/>
      <c r="N61" s="225"/>
      <c r="O61" s="225"/>
      <c r="P61" s="226"/>
      <c r="Q61" s="227"/>
      <c r="R61" s="228"/>
      <c r="S61" s="228"/>
      <c r="T61" s="228"/>
      <c r="U61" s="228"/>
      <c r="V61" s="228"/>
      <c r="W61" s="228"/>
      <c r="X61" s="228"/>
      <c r="Y61" s="228"/>
      <c r="Z61" s="228"/>
      <c r="AA61" s="228"/>
      <c r="AB61" s="228"/>
      <c r="AC61" s="228"/>
      <c r="AD61" s="228"/>
      <c r="AE61" s="228"/>
      <c r="AF61" s="228"/>
      <c r="AG61" s="228"/>
      <c r="AH61" s="228"/>
      <c r="AI61" s="228"/>
      <c r="AJ61" s="228"/>
      <c r="AK61" s="228"/>
      <c r="AL61" s="228"/>
      <c r="AM61" s="228"/>
      <c r="AN61" s="228"/>
      <c r="AO61" s="228"/>
      <c r="AP61" s="228"/>
      <c r="AQ61" s="228"/>
      <c r="AR61" s="228"/>
      <c r="AS61" s="228"/>
      <c r="AT61" s="228"/>
      <c r="AU61" s="228"/>
      <c r="AV61" s="228"/>
      <c r="AW61" s="228"/>
      <c r="AX61" s="228"/>
      <c r="AY61" s="228"/>
      <c r="AZ61" s="228"/>
      <c r="BA61" s="228"/>
      <c r="BB61" s="228"/>
      <c r="BC61" s="228"/>
      <c r="BD61" s="228"/>
      <c r="BE61" s="228"/>
      <c r="BF61" s="228"/>
      <c r="BG61" s="228"/>
      <c r="BH61" s="228"/>
      <c r="BI61" s="228"/>
      <c r="BJ61" s="228"/>
      <c r="BK61" s="228"/>
      <c r="BL61" s="228"/>
      <c r="BM61" s="228"/>
      <c r="BN61" s="228"/>
      <c r="BO61" s="228"/>
      <c r="BP61" s="228"/>
      <c r="BQ61" s="228"/>
      <c r="BR61" s="228"/>
      <c r="BS61" s="228"/>
      <c r="BT61" s="228"/>
      <c r="BU61" s="228"/>
      <c r="BV61" s="228"/>
      <c r="BW61" s="228"/>
      <c r="BX61" s="228"/>
      <c r="BY61" s="228"/>
      <c r="BZ61" s="228"/>
      <c r="CA61" s="228"/>
      <c r="CB61" s="228"/>
      <c r="CC61" s="228"/>
      <c r="CD61" s="228"/>
      <c r="CE61" s="228"/>
      <c r="CF61" s="228"/>
      <c r="CG61" s="229"/>
      <c r="CH61" s="230"/>
      <c r="CI61" s="193"/>
      <c r="CJ61" s="193"/>
      <c r="CK61" s="193"/>
      <c r="CL61" s="193"/>
      <c r="CM61" s="193"/>
      <c r="CN61" s="193"/>
      <c r="CO61" s="193"/>
      <c r="CP61" s="193"/>
      <c r="CQ61" s="193"/>
      <c r="CR61" s="193"/>
      <c r="CS61" s="193"/>
      <c r="CT61" s="193"/>
      <c r="CU61" s="193"/>
      <c r="CV61" s="193"/>
      <c r="CW61" s="193"/>
      <c r="CX61" s="193"/>
      <c r="CY61" s="193"/>
      <c r="CZ61" s="193"/>
      <c r="DA61" s="193"/>
      <c r="DB61" s="193"/>
      <c r="DC61" s="193"/>
      <c r="DD61" s="193"/>
      <c r="DE61" s="193"/>
      <c r="DF61" s="193"/>
      <c r="DG61" s="193"/>
      <c r="DH61" s="193"/>
      <c r="DI61" s="234"/>
      <c r="DJ61" s="234"/>
      <c r="DK61" s="234"/>
      <c r="DL61" s="234"/>
      <c r="DM61" s="234"/>
      <c r="DN61" s="234"/>
      <c r="DO61" s="234"/>
      <c r="DP61" s="234"/>
      <c r="DQ61" s="234"/>
      <c r="DR61" s="234"/>
      <c r="DS61" s="234"/>
      <c r="DT61" s="234"/>
      <c r="DU61" s="235"/>
      <c r="DV61" s="235"/>
      <c r="DW61" s="235"/>
      <c r="DX61" s="235"/>
      <c r="DY61" s="235"/>
      <c r="DZ61" s="235"/>
      <c r="EA61" s="235"/>
      <c r="EB61" s="235"/>
      <c r="EC61" s="235"/>
      <c r="ED61" s="235"/>
      <c r="EE61" s="235"/>
      <c r="EF61" s="235"/>
      <c r="EG61" s="239"/>
      <c r="EH61" s="240"/>
      <c r="EI61" s="240"/>
      <c r="EJ61" s="240"/>
      <c r="EK61" s="240"/>
      <c r="EL61" s="240"/>
      <c r="EM61" s="240"/>
      <c r="EN61" s="240"/>
      <c r="EO61" s="240"/>
      <c r="EP61" s="240"/>
      <c r="EQ61" s="240"/>
      <c r="ER61" s="240"/>
      <c r="ES61" s="240"/>
      <c r="ET61" s="240"/>
      <c r="EU61" s="241"/>
      <c r="EV61" s="199"/>
      <c r="EW61" s="200"/>
      <c r="EX61" s="200"/>
      <c r="EY61" s="200"/>
      <c r="EZ61" s="200"/>
      <c r="FA61" s="200"/>
      <c r="FB61" s="200"/>
      <c r="FC61" s="200"/>
      <c r="FD61" s="200"/>
      <c r="FE61" s="200"/>
      <c r="FF61" s="200"/>
      <c r="FG61" s="200"/>
      <c r="FH61" s="200"/>
      <c r="FI61" s="200"/>
      <c r="FJ61" s="200"/>
      <c r="FK61" s="200"/>
      <c r="FL61" s="200"/>
      <c r="FM61" s="201"/>
      <c r="FN61" s="193"/>
      <c r="FO61" s="193"/>
      <c r="FP61" s="193"/>
      <c r="FQ61" s="193"/>
      <c r="FR61" s="193"/>
      <c r="FS61" s="193"/>
      <c r="FT61" s="193"/>
      <c r="FU61" s="193"/>
      <c r="FV61" s="193"/>
      <c r="FW61" s="193"/>
      <c r="FX61" s="193"/>
      <c r="FY61" s="193"/>
      <c r="FZ61" s="193"/>
      <c r="GA61" s="193"/>
      <c r="GB61" s="193"/>
      <c r="GC61" s="193"/>
      <c r="GD61" s="193"/>
      <c r="GE61" s="193"/>
      <c r="GF61" s="193"/>
      <c r="GG61" s="193"/>
      <c r="GH61" s="193"/>
      <c r="GI61" s="193"/>
      <c r="GJ61" s="193"/>
      <c r="GK61" s="193"/>
      <c r="GL61" s="193"/>
      <c r="GM61" s="193"/>
      <c r="GN61" s="193"/>
      <c r="GO61" s="193"/>
      <c r="GP61" s="208"/>
      <c r="GQ61" s="209"/>
      <c r="GR61" s="209"/>
      <c r="GS61" s="209"/>
      <c r="GT61" s="209"/>
      <c r="GU61" s="209"/>
      <c r="GV61" s="209"/>
      <c r="GW61" s="209"/>
      <c r="GX61" s="209"/>
      <c r="GY61" s="209"/>
      <c r="GZ61" s="209"/>
      <c r="HA61" s="209"/>
      <c r="HB61" s="209"/>
      <c r="HC61" s="209"/>
      <c r="HD61" s="209"/>
      <c r="HE61" s="209"/>
      <c r="HF61" s="209"/>
      <c r="HG61" s="209"/>
      <c r="HH61" s="209"/>
      <c r="HI61" s="209"/>
      <c r="HJ61" s="209"/>
      <c r="HK61" s="209"/>
      <c r="HL61" s="209"/>
      <c r="HM61" s="209"/>
      <c r="HN61" s="209"/>
      <c r="HO61" s="209"/>
      <c r="HP61" s="209"/>
      <c r="HQ61" s="210"/>
    </row>
    <row r="62" spans="2:225" ht="6" customHeight="1">
      <c r="B62" s="225"/>
      <c r="C62" s="225"/>
      <c r="D62" s="225"/>
      <c r="E62" s="225"/>
      <c r="F62" s="225"/>
      <c r="G62" s="225"/>
      <c r="H62" s="225"/>
      <c r="I62" s="225"/>
      <c r="J62" s="225"/>
      <c r="K62" s="225"/>
      <c r="L62" s="225"/>
      <c r="M62" s="225"/>
      <c r="N62" s="225"/>
      <c r="O62" s="225"/>
      <c r="P62" s="226"/>
      <c r="Q62" s="227"/>
      <c r="R62" s="228"/>
      <c r="S62" s="228"/>
      <c r="T62" s="228"/>
      <c r="U62" s="228"/>
      <c r="V62" s="228"/>
      <c r="W62" s="228"/>
      <c r="X62" s="228"/>
      <c r="Y62" s="228"/>
      <c r="Z62" s="228"/>
      <c r="AA62" s="228"/>
      <c r="AB62" s="228"/>
      <c r="AC62" s="228"/>
      <c r="AD62" s="228"/>
      <c r="AE62" s="228"/>
      <c r="AF62" s="228"/>
      <c r="AG62" s="228"/>
      <c r="AH62" s="228"/>
      <c r="AI62" s="228"/>
      <c r="AJ62" s="228"/>
      <c r="AK62" s="228"/>
      <c r="AL62" s="228"/>
      <c r="AM62" s="228"/>
      <c r="AN62" s="228"/>
      <c r="AO62" s="228"/>
      <c r="AP62" s="228"/>
      <c r="AQ62" s="228"/>
      <c r="AR62" s="228"/>
      <c r="AS62" s="228"/>
      <c r="AT62" s="228"/>
      <c r="AU62" s="228"/>
      <c r="AV62" s="228"/>
      <c r="AW62" s="228"/>
      <c r="AX62" s="228"/>
      <c r="AY62" s="228"/>
      <c r="AZ62" s="228"/>
      <c r="BA62" s="228"/>
      <c r="BB62" s="228"/>
      <c r="BC62" s="228"/>
      <c r="BD62" s="228"/>
      <c r="BE62" s="228"/>
      <c r="BF62" s="228"/>
      <c r="BG62" s="228"/>
      <c r="BH62" s="228"/>
      <c r="BI62" s="228"/>
      <c r="BJ62" s="228"/>
      <c r="BK62" s="228"/>
      <c r="BL62" s="228"/>
      <c r="BM62" s="228"/>
      <c r="BN62" s="228"/>
      <c r="BO62" s="228"/>
      <c r="BP62" s="228"/>
      <c r="BQ62" s="228"/>
      <c r="BR62" s="228"/>
      <c r="BS62" s="228"/>
      <c r="BT62" s="228"/>
      <c r="BU62" s="228"/>
      <c r="BV62" s="228"/>
      <c r="BW62" s="228"/>
      <c r="BX62" s="228"/>
      <c r="BY62" s="228"/>
      <c r="BZ62" s="228"/>
      <c r="CA62" s="228"/>
      <c r="CB62" s="228"/>
      <c r="CC62" s="228"/>
      <c r="CD62" s="228"/>
      <c r="CE62" s="228"/>
      <c r="CF62" s="228"/>
      <c r="CG62" s="229"/>
      <c r="CH62" s="230"/>
      <c r="CI62" s="193"/>
      <c r="CJ62" s="193"/>
      <c r="CK62" s="193"/>
      <c r="CL62" s="193"/>
      <c r="CM62" s="193"/>
      <c r="CN62" s="193"/>
      <c r="CO62" s="193"/>
      <c r="CP62" s="193"/>
      <c r="CQ62" s="193"/>
      <c r="CR62" s="193"/>
      <c r="CS62" s="193"/>
      <c r="CT62" s="193"/>
      <c r="CU62" s="193"/>
      <c r="CV62" s="193"/>
      <c r="CW62" s="193"/>
      <c r="CX62" s="193"/>
      <c r="CY62" s="193"/>
      <c r="CZ62" s="193"/>
      <c r="DA62" s="193"/>
      <c r="DB62" s="193"/>
      <c r="DC62" s="193"/>
      <c r="DD62" s="193"/>
      <c r="DE62" s="193"/>
      <c r="DF62" s="193"/>
      <c r="DG62" s="193"/>
      <c r="DH62" s="193"/>
      <c r="DI62" s="234"/>
      <c r="DJ62" s="234"/>
      <c r="DK62" s="234"/>
      <c r="DL62" s="234"/>
      <c r="DM62" s="234"/>
      <c r="DN62" s="234"/>
      <c r="DO62" s="234"/>
      <c r="DP62" s="234"/>
      <c r="DQ62" s="234"/>
      <c r="DR62" s="234"/>
      <c r="DS62" s="234"/>
      <c r="DT62" s="234"/>
      <c r="DU62" s="235"/>
      <c r="DV62" s="235"/>
      <c r="DW62" s="235"/>
      <c r="DX62" s="235"/>
      <c r="DY62" s="235"/>
      <c r="DZ62" s="235"/>
      <c r="EA62" s="235"/>
      <c r="EB62" s="235"/>
      <c r="EC62" s="235"/>
      <c r="ED62" s="235"/>
      <c r="EE62" s="235"/>
      <c r="EF62" s="235"/>
      <c r="EG62" s="242"/>
      <c r="EH62" s="243"/>
      <c r="EI62" s="243"/>
      <c r="EJ62" s="243"/>
      <c r="EK62" s="243"/>
      <c r="EL62" s="243"/>
      <c r="EM62" s="243"/>
      <c r="EN62" s="243"/>
      <c r="EO62" s="243"/>
      <c r="EP62" s="243"/>
      <c r="EQ62" s="243"/>
      <c r="ER62" s="243"/>
      <c r="ES62" s="243"/>
      <c r="ET62" s="243"/>
      <c r="EU62" s="244"/>
      <c r="EV62" s="202"/>
      <c r="EW62" s="203"/>
      <c r="EX62" s="203"/>
      <c r="EY62" s="203"/>
      <c r="EZ62" s="203"/>
      <c r="FA62" s="203"/>
      <c r="FB62" s="203"/>
      <c r="FC62" s="203"/>
      <c r="FD62" s="203"/>
      <c r="FE62" s="203"/>
      <c r="FF62" s="203"/>
      <c r="FG62" s="203"/>
      <c r="FH62" s="203"/>
      <c r="FI62" s="203"/>
      <c r="FJ62" s="203"/>
      <c r="FK62" s="203"/>
      <c r="FL62" s="203"/>
      <c r="FM62" s="204"/>
      <c r="FN62" s="193"/>
      <c r="FO62" s="193"/>
      <c r="FP62" s="193"/>
      <c r="FQ62" s="193"/>
      <c r="FR62" s="193"/>
      <c r="FS62" s="193"/>
      <c r="FT62" s="193"/>
      <c r="FU62" s="193"/>
      <c r="FV62" s="193"/>
      <c r="FW62" s="193"/>
      <c r="FX62" s="193"/>
      <c r="FY62" s="193"/>
      <c r="FZ62" s="193"/>
      <c r="GA62" s="193"/>
      <c r="GB62" s="193"/>
      <c r="GC62" s="193"/>
      <c r="GD62" s="193"/>
      <c r="GE62" s="193"/>
      <c r="GF62" s="193"/>
      <c r="GG62" s="193"/>
      <c r="GH62" s="193"/>
      <c r="GI62" s="193"/>
      <c r="GJ62" s="193"/>
      <c r="GK62" s="193"/>
      <c r="GL62" s="193"/>
      <c r="GM62" s="193"/>
      <c r="GN62" s="193"/>
      <c r="GO62" s="193"/>
      <c r="GP62" s="208"/>
      <c r="GQ62" s="209"/>
      <c r="GR62" s="209"/>
      <c r="GS62" s="209"/>
      <c r="GT62" s="209"/>
      <c r="GU62" s="209"/>
      <c r="GV62" s="209"/>
      <c r="GW62" s="209"/>
      <c r="GX62" s="209"/>
      <c r="GY62" s="209"/>
      <c r="GZ62" s="209"/>
      <c r="HA62" s="209"/>
      <c r="HB62" s="209"/>
      <c r="HC62" s="209"/>
      <c r="HD62" s="209"/>
      <c r="HE62" s="209"/>
      <c r="HF62" s="209"/>
      <c r="HG62" s="209"/>
      <c r="HH62" s="209"/>
      <c r="HI62" s="209"/>
      <c r="HJ62" s="209"/>
      <c r="HK62" s="209"/>
      <c r="HL62" s="209"/>
      <c r="HM62" s="209"/>
      <c r="HN62" s="209"/>
      <c r="HO62" s="209"/>
      <c r="HP62" s="209"/>
      <c r="HQ62" s="210"/>
    </row>
    <row r="63" spans="2:225" ht="6" customHeight="1">
      <c r="B63"/>
      <c r="C63"/>
      <c r="D63"/>
      <c r="E63"/>
      <c r="F63"/>
      <c r="G63"/>
      <c r="H63"/>
      <c r="I63"/>
      <c r="J63"/>
      <c r="K63"/>
      <c r="L63"/>
      <c r="M63"/>
      <c r="N63"/>
      <c r="O63"/>
      <c r="P63" s="64"/>
      <c r="Q63" s="65"/>
      <c r="R63" s="65"/>
      <c r="S63" s="65"/>
      <c r="T63" s="65"/>
      <c r="U63" s="65"/>
      <c r="V63" s="65"/>
      <c r="W63" s="65"/>
      <c r="X63" s="65"/>
      <c r="Y63" s="65"/>
      <c r="Z63" s="65"/>
      <c r="AA63" s="65"/>
      <c r="AB63" s="65"/>
      <c r="AC63" s="65"/>
      <c r="AD63" s="65"/>
      <c r="AE63" s="65"/>
      <c r="AF63" s="65"/>
      <c r="AG63" s="65"/>
      <c r="AH63" s="65"/>
      <c r="AI63" s="65"/>
      <c r="AJ63" s="65"/>
      <c r="AK63" s="65"/>
      <c r="AL63" s="65"/>
      <c r="AM63" s="65"/>
      <c r="AN63" s="65"/>
      <c r="AO63" s="65"/>
      <c r="AP63" s="65"/>
      <c r="AQ63" s="65"/>
      <c r="AR63" s="65"/>
      <c r="AS63" s="65"/>
      <c r="AT63" s="65"/>
      <c r="AU63" s="65"/>
      <c r="AV63" s="65"/>
      <c r="AW63" s="65"/>
      <c r="AX63" s="65"/>
      <c r="AY63" s="65"/>
      <c r="AZ63" s="65"/>
      <c r="BA63" s="65"/>
      <c r="BB63" s="65"/>
      <c r="BC63" s="65"/>
      <c r="BD63" s="65"/>
      <c r="BE63" s="65"/>
      <c r="BF63" s="65"/>
      <c r="BG63" s="65"/>
      <c r="BH63" s="65"/>
      <c r="BI63" s="65"/>
      <c r="BJ63" s="65"/>
      <c r="BK63" s="65"/>
      <c r="BL63" s="65"/>
      <c r="BM63" s="65"/>
      <c r="BN63" s="65"/>
      <c r="BO63" s="65"/>
      <c r="BP63" s="65"/>
      <c r="BQ63" s="65"/>
      <c r="BR63" s="65"/>
      <c r="BS63" s="65"/>
      <c r="BT63" s="65"/>
      <c r="BU63" s="65"/>
      <c r="BV63" s="65"/>
      <c r="BW63" s="65"/>
      <c r="BX63" s="65"/>
      <c r="BY63" s="65"/>
      <c r="BZ63" s="65"/>
      <c r="CA63" s="65"/>
      <c r="CB63" s="65"/>
      <c r="CC63" s="65"/>
      <c r="CD63" s="65"/>
      <c r="CE63" s="65"/>
      <c r="CF63" s="65"/>
      <c r="CG63" s="65"/>
      <c r="CH63" s="65"/>
      <c r="CI63" s="59"/>
      <c r="CJ63" s="59"/>
      <c r="CK63" s="59"/>
      <c r="CL63" s="59"/>
      <c r="CM63" s="59"/>
      <c r="CN63" s="59"/>
      <c r="CO63" s="59"/>
      <c r="CP63" s="59"/>
      <c r="CQ63" s="59"/>
      <c r="CR63" s="59"/>
      <c r="CS63" s="59"/>
      <c r="CT63" s="59"/>
      <c r="CU63" s="59"/>
      <c r="CV63" s="59"/>
      <c r="CW63" s="59"/>
      <c r="CX63" s="59"/>
      <c r="CY63" s="59"/>
      <c r="CZ63" s="59"/>
      <c r="DA63" s="59"/>
      <c r="DB63" s="59"/>
      <c r="DC63" s="59"/>
      <c r="DD63" s="59"/>
      <c r="DE63" s="59"/>
      <c r="DF63" s="59"/>
      <c r="DG63" s="59"/>
      <c r="DH63" s="59"/>
      <c r="DI63" s="66"/>
      <c r="DJ63" s="66"/>
      <c r="DK63" s="66"/>
      <c r="DL63" s="66"/>
      <c r="DM63" s="66"/>
      <c r="DN63" s="66"/>
      <c r="DO63" s="66"/>
      <c r="DP63" s="66"/>
      <c r="DQ63" s="66"/>
      <c r="DR63" s="66"/>
      <c r="DS63" s="66"/>
      <c r="DT63" s="66"/>
      <c r="DU63" s="59"/>
      <c r="DV63" s="59"/>
      <c r="DW63" s="59"/>
      <c r="DX63" s="59"/>
      <c r="DY63" s="59"/>
      <c r="DZ63" s="59"/>
      <c r="EA63" s="59"/>
      <c r="EB63" s="59"/>
      <c r="EC63" s="59"/>
      <c r="ED63" s="184" t="s">
        <v>46</v>
      </c>
      <c r="EE63" s="185"/>
      <c r="EF63" s="185"/>
      <c r="EG63" s="185"/>
      <c r="EH63" s="185"/>
      <c r="EI63" s="185"/>
      <c r="EJ63" s="185"/>
      <c r="EK63" s="185"/>
      <c r="EL63" s="185"/>
      <c r="EM63" s="185"/>
      <c r="EN63" s="185"/>
      <c r="EO63" s="185"/>
      <c r="EP63" s="185"/>
      <c r="EQ63" s="185"/>
      <c r="ER63" s="185"/>
      <c r="ES63" s="185"/>
      <c r="ET63" s="185"/>
      <c r="EU63" s="185"/>
      <c r="EV63" s="185"/>
      <c r="EW63" s="185"/>
      <c r="EX63" s="185"/>
      <c r="EY63" s="185"/>
      <c r="EZ63" s="185"/>
      <c r="FA63" s="185"/>
      <c r="FB63" s="185"/>
      <c r="FC63" s="185"/>
      <c r="FD63" s="185"/>
      <c r="FE63" s="185"/>
      <c r="FF63" s="185"/>
      <c r="FG63" s="185"/>
      <c r="FH63" s="185"/>
      <c r="FI63" s="185"/>
      <c r="FJ63" s="185"/>
      <c r="FK63" s="185"/>
      <c r="FL63" s="185"/>
      <c r="FM63" s="186"/>
      <c r="FN63" s="193">
        <f>SUM(FN39:GO62)</f>
        <v>0</v>
      </c>
      <c r="FO63" s="193"/>
      <c r="FP63" s="193"/>
      <c r="FQ63" s="193"/>
      <c r="FR63" s="193"/>
      <c r="FS63" s="193"/>
      <c r="FT63" s="193"/>
      <c r="FU63" s="193"/>
      <c r="FV63" s="193"/>
      <c r="FW63" s="193"/>
      <c r="FX63" s="193"/>
      <c r="FY63" s="193"/>
      <c r="FZ63" s="193"/>
      <c r="GA63" s="193"/>
      <c r="GB63" s="193"/>
      <c r="GC63" s="193"/>
      <c r="GD63" s="193"/>
      <c r="GE63" s="193"/>
      <c r="GF63" s="193"/>
      <c r="GG63" s="193"/>
      <c r="GH63" s="193"/>
      <c r="GI63" s="193"/>
      <c r="GJ63" s="193"/>
      <c r="GK63" s="193"/>
      <c r="GL63" s="193"/>
      <c r="GM63" s="193"/>
      <c r="GN63" s="193"/>
      <c r="GO63" s="193"/>
      <c r="GP63" s="194"/>
      <c r="GQ63" s="211" t="s">
        <v>33</v>
      </c>
      <c r="GR63" s="211"/>
      <c r="GS63" s="211"/>
      <c r="GT63" s="211"/>
      <c r="GU63" s="211"/>
      <c r="GV63" s="211"/>
      <c r="GW63" s="211"/>
      <c r="GX63" s="211"/>
      <c r="GY63" s="211"/>
      <c r="GZ63" s="211"/>
      <c r="HA63" s="211"/>
      <c r="HB63" s="211"/>
      <c r="HC63" s="211"/>
      <c r="HD63" s="211"/>
      <c r="HE63" s="211"/>
      <c r="HF63" s="211"/>
      <c r="HG63" s="211"/>
      <c r="HH63" s="211"/>
      <c r="HI63" s="211"/>
      <c r="HJ63" s="211"/>
      <c r="HK63" s="211"/>
      <c r="HL63" s="211"/>
      <c r="HM63" s="211"/>
      <c r="HN63" s="211"/>
      <c r="HO63" s="211"/>
      <c r="HP63" s="211"/>
      <c r="HQ63" s="214"/>
    </row>
    <row r="64" spans="2:225" ht="6" customHeight="1">
      <c r="EA64" s="59"/>
      <c r="EB64" s="59"/>
      <c r="EC64" s="59"/>
      <c r="ED64" s="187"/>
      <c r="EE64" s="188"/>
      <c r="EF64" s="188"/>
      <c r="EG64" s="188"/>
      <c r="EH64" s="188"/>
      <c r="EI64" s="188"/>
      <c r="EJ64" s="188"/>
      <c r="EK64" s="188"/>
      <c r="EL64" s="188"/>
      <c r="EM64" s="188"/>
      <c r="EN64" s="188"/>
      <c r="EO64" s="188"/>
      <c r="EP64" s="188"/>
      <c r="EQ64" s="188"/>
      <c r="ER64" s="188"/>
      <c r="ES64" s="188"/>
      <c r="ET64" s="188"/>
      <c r="EU64" s="188"/>
      <c r="EV64" s="188"/>
      <c r="EW64" s="188"/>
      <c r="EX64" s="188"/>
      <c r="EY64" s="188"/>
      <c r="EZ64" s="188"/>
      <c r="FA64" s="188"/>
      <c r="FB64" s="188"/>
      <c r="FC64" s="188"/>
      <c r="FD64" s="188"/>
      <c r="FE64" s="188"/>
      <c r="FF64" s="188"/>
      <c r="FG64" s="188"/>
      <c r="FH64" s="188"/>
      <c r="FI64" s="188"/>
      <c r="FJ64" s="188"/>
      <c r="FK64" s="188"/>
      <c r="FL64" s="188"/>
      <c r="FM64" s="189"/>
      <c r="FN64" s="193"/>
      <c r="FO64" s="193"/>
      <c r="FP64" s="193"/>
      <c r="FQ64" s="193"/>
      <c r="FR64" s="193"/>
      <c r="FS64" s="193"/>
      <c r="FT64" s="193"/>
      <c r="FU64" s="193"/>
      <c r="FV64" s="193"/>
      <c r="FW64" s="193"/>
      <c r="FX64" s="193"/>
      <c r="FY64" s="193"/>
      <c r="FZ64" s="193"/>
      <c r="GA64" s="193"/>
      <c r="GB64" s="193"/>
      <c r="GC64" s="193"/>
      <c r="GD64" s="193"/>
      <c r="GE64" s="193"/>
      <c r="GF64" s="193"/>
      <c r="GG64" s="193"/>
      <c r="GH64" s="193"/>
      <c r="GI64" s="193"/>
      <c r="GJ64" s="193"/>
      <c r="GK64" s="193"/>
      <c r="GL64" s="193"/>
      <c r="GM64" s="193"/>
      <c r="GN64" s="193"/>
      <c r="GO64" s="193"/>
      <c r="GP64" s="194"/>
      <c r="GQ64" s="212"/>
      <c r="GR64" s="212"/>
      <c r="GS64" s="212"/>
      <c r="GT64" s="212"/>
      <c r="GU64" s="212"/>
      <c r="GV64" s="212"/>
      <c r="GW64" s="212"/>
      <c r="GX64" s="212"/>
      <c r="GY64" s="212"/>
      <c r="GZ64" s="212"/>
      <c r="HA64" s="212"/>
      <c r="HB64" s="212"/>
      <c r="HC64" s="212"/>
      <c r="HD64" s="212"/>
      <c r="HE64" s="212"/>
      <c r="HF64" s="212"/>
      <c r="HG64" s="212"/>
      <c r="HH64" s="212"/>
      <c r="HI64" s="212"/>
      <c r="HJ64" s="212"/>
      <c r="HK64" s="212"/>
      <c r="HL64" s="212"/>
      <c r="HM64" s="212"/>
      <c r="HN64" s="212"/>
      <c r="HO64" s="212"/>
      <c r="HP64" s="212"/>
      <c r="HQ64" s="214"/>
    </row>
    <row r="65" spans="2:237" ht="6" customHeight="1">
      <c r="B65" s="85" t="s">
        <v>47</v>
      </c>
      <c r="C65" s="85"/>
      <c r="D65" s="85"/>
      <c r="E65" s="85"/>
      <c r="F65" s="85"/>
      <c r="G65" s="85"/>
      <c r="H65" s="85"/>
      <c r="I65" s="85"/>
      <c r="J65" s="85"/>
      <c r="K65" s="85"/>
      <c r="L65" s="85"/>
      <c r="M65" s="85"/>
      <c r="N65" s="85"/>
      <c r="O65" s="85"/>
      <c r="P65" s="85"/>
      <c r="Q65" s="85"/>
      <c r="R65" s="85"/>
      <c r="S65" s="85"/>
      <c r="T65" s="85"/>
      <c r="U65" s="85"/>
      <c r="V65" s="85"/>
      <c r="W65" s="85"/>
      <c r="X65" s="85"/>
      <c r="Y65" s="85"/>
      <c r="Z65" s="85" t="s">
        <v>48</v>
      </c>
      <c r="AA65" s="85"/>
      <c r="AB65" s="85"/>
      <c r="AC65" s="85"/>
      <c r="AD65" s="85"/>
      <c r="AE65" s="85"/>
      <c r="AF65" s="85"/>
      <c r="AG65" s="85"/>
      <c r="AH65" s="85"/>
      <c r="AI65" s="85"/>
      <c r="AJ65" s="85"/>
      <c r="AK65" s="85"/>
      <c r="AL65" s="85"/>
      <c r="AM65" s="85"/>
      <c r="AN65" s="85"/>
      <c r="AO65" s="85"/>
      <c r="AP65" s="85"/>
      <c r="AQ65" s="85"/>
      <c r="AR65" s="85"/>
      <c r="AS65" s="85"/>
      <c r="AT65" s="85"/>
      <c r="AU65" s="85"/>
      <c r="AV65" s="85"/>
      <c r="AW65" s="85"/>
      <c r="AX65" s="85"/>
      <c r="AY65" s="85"/>
      <c r="AZ65" s="85"/>
      <c r="BA65" s="85"/>
      <c r="BB65" s="85"/>
      <c r="BC65" s="85"/>
      <c r="BD65" s="85"/>
      <c r="BE65" s="85"/>
      <c r="BF65" s="85"/>
      <c r="BG65" s="85"/>
      <c r="BH65" s="85"/>
      <c r="BI65" s="85"/>
      <c r="BJ65" s="85"/>
      <c r="BK65" s="85"/>
      <c r="BL65" s="85"/>
      <c r="BM65" s="79" t="s">
        <v>50</v>
      </c>
      <c r="BN65" s="80"/>
      <c r="BO65" s="80"/>
      <c r="BP65" s="80"/>
      <c r="BQ65" s="80"/>
      <c r="BR65" s="80"/>
      <c r="BS65" s="80"/>
      <c r="BT65" s="80"/>
      <c r="BU65" s="80"/>
      <c r="BV65" s="80"/>
      <c r="BW65" s="80"/>
      <c r="BX65" s="80"/>
      <c r="BY65" s="80"/>
      <c r="BZ65" s="80"/>
      <c r="CA65" s="80"/>
      <c r="CB65" s="80"/>
      <c r="CC65" s="80"/>
      <c r="CD65" s="80"/>
      <c r="CE65" s="80"/>
      <c r="CF65" s="80"/>
      <c r="CG65" s="80"/>
      <c r="CH65" s="80"/>
      <c r="CI65" s="80"/>
      <c r="CJ65" s="80"/>
      <c r="CK65" s="80"/>
      <c r="CL65" s="80"/>
      <c r="CM65" s="80"/>
      <c r="CN65" s="80"/>
      <c r="CO65" s="80"/>
      <c r="CP65" s="81"/>
      <c r="CQ65" s="85" t="s">
        <v>49</v>
      </c>
      <c r="CR65" s="85"/>
      <c r="CS65" s="85"/>
      <c r="CT65" s="85"/>
      <c r="CU65" s="85"/>
      <c r="CV65" s="85"/>
      <c r="CW65" s="85"/>
      <c r="CX65" s="85"/>
      <c r="CY65" s="85"/>
      <c r="CZ65" s="85"/>
      <c r="DA65" s="85"/>
      <c r="DB65" s="85"/>
      <c r="DC65" s="85"/>
      <c r="DD65" s="85"/>
      <c r="DE65" s="85"/>
      <c r="DF65" s="85"/>
      <c r="DG65" s="85"/>
      <c r="DH65" s="85"/>
      <c r="DI65" s="85"/>
      <c r="DJ65" s="85"/>
      <c r="DK65" s="85"/>
      <c r="DL65" s="79" t="s">
        <v>51</v>
      </c>
      <c r="DM65" s="80"/>
      <c r="DN65" s="80"/>
      <c r="DO65" s="80"/>
      <c r="DP65" s="80"/>
      <c r="DQ65" s="80"/>
      <c r="DR65" s="80"/>
      <c r="DS65" s="80"/>
      <c r="DT65" s="80"/>
      <c r="DU65" s="80"/>
      <c r="DV65" s="80"/>
      <c r="DW65" s="80"/>
      <c r="DX65" s="80"/>
      <c r="DY65" s="80"/>
      <c r="DZ65" s="81"/>
      <c r="EA65" s="59"/>
      <c r="EB65" s="59"/>
      <c r="EC65" s="59"/>
      <c r="ED65" s="187"/>
      <c r="EE65" s="188"/>
      <c r="EF65" s="188"/>
      <c r="EG65" s="188"/>
      <c r="EH65" s="188"/>
      <c r="EI65" s="188"/>
      <c r="EJ65" s="188"/>
      <c r="EK65" s="188"/>
      <c r="EL65" s="188"/>
      <c r="EM65" s="188"/>
      <c r="EN65" s="188"/>
      <c r="EO65" s="188"/>
      <c r="EP65" s="188"/>
      <c r="EQ65" s="188"/>
      <c r="ER65" s="188"/>
      <c r="ES65" s="188"/>
      <c r="ET65" s="188"/>
      <c r="EU65" s="188"/>
      <c r="EV65" s="188"/>
      <c r="EW65" s="188"/>
      <c r="EX65" s="188"/>
      <c r="EY65" s="188"/>
      <c r="EZ65" s="188"/>
      <c r="FA65" s="188"/>
      <c r="FB65" s="188"/>
      <c r="FC65" s="188"/>
      <c r="FD65" s="188"/>
      <c r="FE65" s="188"/>
      <c r="FF65" s="188"/>
      <c r="FG65" s="188"/>
      <c r="FH65" s="188"/>
      <c r="FI65" s="188"/>
      <c r="FJ65" s="188"/>
      <c r="FK65" s="188"/>
      <c r="FL65" s="188"/>
      <c r="FM65" s="189"/>
      <c r="FN65" s="193"/>
      <c r="FO65" s="193"/>
      <c r="FP65" s="193"/>
      <c r="FQ65" s="193"/>
      <c r="FR65" s="193"/>
      <c r="FS65" s="193"/>
      <c r="FT65" s="193"/>
      <c r="FU65" s="193"/>
      <c r="FV65" s="193"/>
      <c r="FW65" s="193"/>
      <c r="FX65" s="193"/>
      <c r="FY65" s="193"/>
      <c r="FZ65" s="193"/>
      <c r="GA65" s="193"/>
      <c r="GB65" s="193"/>
      <c r="GC65" s="193"/>
      <c r="GD65" s="193"/>
      <c r="GE65" s="193"/>
      <c r="GF65" s="193"/>
      <c r="GG65" s="193"/>
      <c r="GH65" s="193"/>
      <c r="GI65" s="193"/>
      <c r="GJ65" s="193"/>
      <c r="GK65" s="193"/>
      <c r="GL65" s="193"/>
      <c r="GM65" s="193"/>
      <c r="GN65" s="193"/>
      <c r="GO65" s="193"/>
      <c r="GP65" s="194"/>
      <c r="GQ65" s="212"/>
      <c r="GR65" s="212"/>
      <c r="GS65" s="212"/>
      <c r="GT65" s="212"/>
      <c r="GU65" s="212"/>
      <c r="GV65" s="212"/>
      <c r="GW65" s="212"/>
      <c r="GX65" s="212"/>
      <c r="GY65" s="212"/>
      <c r="GZ65" s="212"/>
      <c r="HA65" s="212"/>
      <c r="HB65" s="212"/>
      <c r="HC65" s="212"/>
      <c r="HD65" s="212"/>
      <c r="HE65" s="212"/>
      <c r="HF65" s="212"/>
      <c r="HG65" s="212"/>
      <c r="HH65" s="212"/>
      <c r="HI65" s="212"/>
      <c r="HJ65" s="212"/>
      <c r="HK65" s="212"/>
      <c r="HL65" s="212"/>
      <c r="HM65" s="212"/>
      <c r="HN65" s="212"/>
      <c r="HO65" s="212"/>
      <c r="HP65" s="212"/>
      <c r="HQ65" s="214"/>
    </row>
    <row r="66" spans="2:237" ht="6" customHeight="1">
      <c r="B66" s="85"/>
      <c r="C66" s="85"/>
      <c r="D66" s="85"/>
      <c r="E66" s="85"/>
      <c r="F66" s="85"/>
      <c r="G66" s="85"/>
      <c r="H66" s="85"/>
      <c r="I66" s="85"/>
      <c r="J66" s="85"/>
      <c r="K66" s="85"/>
      <c r="L66" s="85"/>
      <c r="M66" s="85"/>
      <c r="N66" s="85"/>
      <c r="O66" s="85"/>
      <c r="P66" s="85"/>
      <c r="Q66" s="85"/>
      <c r="R66" s="85"/>
      <c r="S66" s="85"/>
      <c r="T66" s="85"/>
      <c r="U66" s="85"/>
      <c r="V66" s="85"/>
      <c r="W66" s="85"/>
      <c r="X66" s="85"/>
      <c r="Y66" s="85"/>
      <c r="Z66" s="85"/>
      <c r="AA66" s="85"/>
      <c r="AB66" s="85"/>
      <c r="AC66" s="85"/>
      <c r="AD66" s="85"/>
      <c r="AE66" s="85"/>
      <c r="AF66" s="85"/>
      <c r="AG66" s="85"/>
      <c r="AH66" s="85"/>
      <c r="AI66" s="85"/>
      <c r="AJ66" s="85"/>
      <c r="AK66" s="85"/>
      <c r="AL66" s="85"/>
      <c r="AM66" s="85"/>
      <c r="AN66" s="85"/>
      <c r="AO66" s="85"/>
      <c r="AP66" s="85"/>
      <c r="AQ66" s="85"/>
      <c r="AR66" s="85"/>
      <c r="AS66" s="85"/>
      <c r="AT66" s="85"/>
      <c r="AU66" s="85"/>
      <c r="AV66" s="85"/>
      <c r="AW66" s="85"/>
      <c r="AX66" s="85"/>
      <c r="AY66" s="85"/>
      <c r="AZ66" s="85"/>
      <c r="BA66" s="85"/>
      <c r="BB66" s="85"/>
      <c r="BC66" s="85"/>
      <c r="BD66" s="85"/>
      <c r="BE66" s="85"/>
      <c r="BF66" s="85"/>
      <c r="BG66" s="85"/>
      <c r="BH66" s="85"/>
      <c r="BI66" s="85"/>
      <c r="BJ66" s="85"/>
      <c r="BK66" s="85"/>
      <c r="BL66" s="85"/>
      <c r="BM66" s="82"/>
      <c r="BN66" s="83"/>
      <c r="BO66" s="83"/>
      <c r="BP66" s="83"/>
      <c r="BQ66" s="83"/>
      <c r="BR66" s="83"/>
      <c r="BS66" s="83"/>
      <c r="BT66" s="83"/>
      <c r="BU66" s="83"/>
      <c r="BV66" s="83"/>
      <c r="BW66" s="83"/>
      <c r="BX66" s="83"/>
      <c r="BY66" s="83"/>
      <c r="BZ66" s="83"/>
      <c r="CA66" s="83"/>
      <c r="CB66" s="83"/>
      <c r="CC66" s="83"/>
      <c r="CD66" s="83"/>
      <c r="CE66" s="83"/>
      <c r="CF66" s="83"/>
      <c r="CG66" s="83"/>
      <c r="CH66" s="83"/>
      <c r="CI66" s="83"/>
      <c r="CJ66" s="83"/>
      <c r="CK66" s="83"/>
      <c r="CL66" s="83"/>
      <c r="CM66" s="83"/>
      <c r="CN66" s="83"/>
      <c r="CO66" s="83"/>
      <c r="CP66" s="84"/>
      <c r="CQ66" s="85"/>
      <c r="CR66" s="85"/>
      <c r="CS66" s="85"/>
      <c r="CT66" s="85"/>
      <c r="CU66" s="85"/>
      <c r="CV66" s="85"/>
      <c r="CW66" s="85"/>
      <c r="CX66" s="85"/>
      <c r="CY66" s="85"/>
      <c r="CZ66" s="85"/>
      <c r="DA66" s="85"/>
      <c r="DB66" s="85"/>
      <c r="DC66" s="85"/>
      <c r="DD66" s="85"/>
      <c r="DE66" s="85"/>
      <c r="DF66" s="85"/>
      <c r="DG66" s="85"/>
      <c r="DH66" s="85"/>
      <c r="DI66" s="85"/>
      <c r="DJ66" s="85"/>
      <c r="DK66" s="85"/>
      <c r="DL66" s="172"/>
      <c r="DM66" s="173"/>
      <c r="DN66" s="173"/>
      <c r="DO66" s="173"/>
      <c r="DP66" s="173"/>
      <c r="DQ66" s="173"/>
      <c r="DR66" s="173"/>
      <c r="DS66" s="173"/>
      <c r="DT66" s="173"/>
      <c r="DU66" s="173"/>
      <c r="DV66" s="173"/>
      <c r="DW66" s="173"/>
      <c r="DX66" s="173"/>
      <c r="DY66" s="173"/>
      <c r="DZ66" s="174"/>
      <c r="EA66" s="56"/>
      <c r="EB66" s="59"/>
      <c r="EC66" s="59"/>
      <c r="ED66" s="190"/>
      <c r="EE66" s="191"/>
      <c r="EF66" s="191"/>
      <c r="EG66" s="191"/>
      <c r="EH66" s="191"/>
      <c r="EI66" s="191"/>
      <c r="EJ66" s="191"/>
      <c r="EK66" s="191"/>
      <c r="EL66" s="191"/>
      <c r="EM66" s="191"/>
      <c r="EN66" s="191"/>
      <c r="EO66" s="191"/>
      <c r="EP66" s="191"/>
      <c r="EQ66" s="191"/>
      <c r="ER66" s="191"/>
      <c r="ES66" s="191"/>
      <c r="ET66" s="191"/>
      <c r="EU66" s="191"/>
      <c r="EV66" s="191"/>
      <c r="EW66" s="191"/>
      <c r="EX66" s="191"/>
      <c r="EY66" s="191"/>
      <c r="EZ66" s="191"/>
      <c r="FA66" s="191"/>
      <c r="FB66" s="191"/>
      <c r="FC66" s="191"/>
      <c r="FD66" s="191"/>
      <c r="FE66" s="191"/>
      <c r="FF66" s="191"/>
      <c r="FG66" s="191"/>
      <c r="FH66" s="191"/>
      <c r="FI66" s="191"/>
      <c r="FJ66" s="191"/>
      <c r="FK66" s="191"/>
      <c r="FL66" s="191"/>
      <c r="FM66" s="192"/>
      <c r="FN66" s="193"/>
      <c r="FO66" s="193"/>
      <c r="FP66" s="193"/>
      <c r="FQ66" s="193"/>
      <c r="FR66" s="193"/>
      <c r="FS66" s="193"/>
      <c r="FT66" s="193"/>
      <c r="FU66" s="193"/>
      <c r="FV66" s="193"/>
      <c r="FW66" s="193"/>
      <c r="FX66" s="193"/>
      <c r="FY66" s="193"/>
      <c r="FZ66" s="193"/>
      <c r="GA66" s="193"/>
      <c r="GB66" s="193"/>
      <c r="GC66" s="193"/>
      <c r="GD66" s="193"/>
      <c r="GE66" s="193"/>
      <c r="GF66" s="193"/>
      <c r="GG66" s="193"/>
      <c r="GH66" s="193"/>
      <c r="GI66" s="193"/>
      <c r="GJ66" s="193"/>
      <c r="GK66" s="193"/>
      <c r="GL66" s="193"/>
      <c r="GM66" s="193"/>
      <c r="GN66" s="193"/>
      <c r="GO66" s="193"/>
      <c r="GP66" s="194"/>
      <c r="GQ66" s="213"/>
      <c r="GR66" s="213"/>
      <c r="GS66" s="213"/>
      <c r="GT66" s="213"/>
      <c r="GU66" s="213"/>
      <c r="GV66" s="213"/>
      <c r="GW66" s="213"/>
      <c r="GX66" s="213"/>
      <c r="GY66" s="213"/>
      <c r="GZ66" s="213"/>
      <c r="HA66" s="213"/>
      <c r="HB66" s="213"/>
      <c r="HC66" s="213"/>
      <c r="HD66" s="213"/>
      <c r="HE66" s="213"/>
      <c r="HF66" s="213"/>
      <c r="HG66" s="213"/>
      <c r="HH66" s="213"/>
      <c r="HI66" s="213"/>
      <c r="HJ66" s="213"/>
      <c r="HK66" s="213"/>
      <c r="HL66" s="213"/>
      <c r="HM66" s="213"/>
      <c r="HN66" s="213"/>
      <c r="HO66" s="213"/>
      <c r="HP66" s="213"/>
      <c r="HQ66" s="214"/>
    </row>
    <row r="67" spans="2:237" ht="6" customHeight="1">
      <c r="B67" s="171" t="s">
        <v>52</v>
      </c>
      <c r="C67" s="171"/>
      <c r="D67" s="171"/>
      <c r="E67" s="171"/>
      <c r="F67" s="171"/>
      <c r="G67" s="171"/>
      <c r="H67" s="171" t="s">
        <v>53</v>
      </c>
      <c r="I67" s="171"/>
      <c r="J67" s="171"/>
      <c r="K67" s="171"/>
      <c r="L67" s="171"/>
      <c r="M67" s="171"/>
      <c r="N67" s="171" t="s">
        <v>54</v>
      </c>
      <c r="O67" s="171"/>
      <c r="P67" s="171"/>
      <c r="Q67" s="171"/>
      <c r="R67" s="171"/>
      <c r="S67" s="171"/>
      <c r="T67" s="171" t="s">
        <v>55</v>
      </c>
      <c r="U67" s="171"/>
      <c r="V67" s="171"/>
      <c r="W67" s="171"/>
      <c r="X67" s="171"/>
      <c r="Y67" s="171"/>
      <c r="Z67" s="86"/>
      <c r="AA67" s="87"/>
      <c r="AB67" s="87"/>
      <c r="AC67" s="87"/>
      <c r="AD67" s="87"/>
      <c r="AE67" s="87"/>
      <c r="AF67" s="87"/>
      <c r="AG67" s="87"/>
      <c r="AH67" s="87"/>
      <c r="AI67" s="87"/>
      <c r="AJ67" s="87"/>
      <c r="AK67" s="87"/>
      <c r="AL67" s="87"/>
      <c r="AM67" s="87"/>
      <c r="AN67" s="87"/>
      <c r="AO67" s="87"/>
      <c r="AP67" s="87"/>
      <c r="AQ67" s="87"/>
      <c r="AR67" s="87"/>
      <c r="AS67" s="87"/>
      <c r="AT67" s="87"/>
      <c r="AU67" s="87"/>
      <c r="AV67" s="87"/>
      <c r="AW67" s="87"/>
      <c r="AX67" s="87"/>
      <c r="AY67" s="87"/>
      <c r="AZ67" s="87"/>
      <c r="BA67" s="87"/>
      <c r="BB67" s="87"/>
      <c r="BC67" s="87"/>
      <c r="BD67" s="87"/>
      <c r="BE67" s="87"/>
      <c r="BF67" s="87"/>
      <c r="BG67" s="87"/>
      <c r="BH67" s="87"/>
      <c r="BI67" s="87"/>
      <c r="BJ67" s="87"/>
      <c r="BK67" s="87"/>
      <c r="BL67" s="88"/>
      <c r="BM67" s="95"/>
      <c r="BN67" s="76"/>
      <c r="BO67" s="76"/>
      <c r="BP67" s="76"/>
      <c r="BQ67" s="76"/>
      <c r="BR67" s="76"/>
      <c r="BS67" s="76"/>
      <c r="BT67" s="76"/>
      <c r="BU67" s="76"/>
      <c r="BV67" s="76"/>
      <c r="BW67" s="76"/>
      <c r="BX67" s="76"/>
      <c r="BY67" s="76"/>
      <c r="BZ67" s="76"/>
      <c r="CA67" s="76"/>
      <c r="CB67" s="76"/>
      <c r="CC67" s="76"/>
      <c r="CD67" s="76"/>
      <c r="CE67" s="76"/>
      <c r="CF67" s="76"/>
      <c r="CG67" s="76"/>
      <c r="CH67" s="76"/>
      <c r="CI67" s="76"/>
      <c r="CJ67" s="76"/>
      <c r="CK67" s="76"/>
      <c r="CL67" s="76"/>
      <c r="CM67" s="76"/>
      <c r="CN67" s="76"/>
      <c r="CO67" s="76"/>
      <c r="CP67" s="107"/>
      <c r="CQ67" s="98"/>
      <c r="CR67" s="99"/>
      <c r="CS67" s="99"/>
      <c r="CT67" s="99"/>
      <c r="CU67" s="99"/>
      <c r="CV67" s="99"/>
      <c r="CW67" s="99"/>
      <c r="CX67" s="99"/>
      <c r="CY67" s="99"/>
      <c r="CZ67" s="99"/>
      <c r="DA67" s="99"/>
      <c r="DB67" s="99"/>
      <c r="DC67" s="99"/>
      <c r="DD67" s="99"/>
      <c r="DE67" s="99"/>
      <c r="DF67" s="99"/>
      <c r="DG67" s="99"/>
      <c r="DH67" s="99"/>
      <c r="DI67" s="99"/>
      <c r="DJ67" s="99"/>
      <c r="DK67" s="100"/>
      <c r="DL67" s="86"/>
      <c r="DM67" s="87"/>
      <c r="DN67" s="87"/>
      <c r="DO67" s="87"/>
      <c r="DP67" s="87"/>
      <c r="DQ67" s="87"/>
      <c r="DR67" s="87"/>
      <c r="DS67" s="87"/>
      <c r="DT67" s="87"/>
      <c r="DU67" s="87"/>
      <c r="DV67" s="87"/>
      <c r="DW67" s="87"/>
      <c r="DX67" s="87"/>
      <c r="DY67" s="87"/>
      <c r="DZ67" s="88"/>
      <c r="EA67" s="56"/>
      <c r="EB67" s="56"/>
      <c r="EC67" s="56"/>
      <c r="ED67" s="184" t="s">
        <v>45</v>
      </c>
      <c r="EE67" s="185"/>
      <c r="EF67" s="185"/>
      <c r="EG67" s="185"/>
      <c r="EH67" s="185"/>
      <c r="EI67" s="185"/>
      <c r="EJ67" s="185"/>
      <c r="EK67" s="185"/>
      <c r="EL67" s="185"/>
      <c r="EM67" s="185"/>
      <c r="EN67" s="185"/>
      <c r="EO67" s="185"/>
      <c r="EP67" s="185"/>
      <c r="EQ67" s="185"/>
      <c r="ER67" s="185"/>
      <c r="ES67" s="185"/>
      <c r="ET67" s="185"/>
      <c r="EU67" s="185"/>
      <c r="EV67" s="185"/>
      <c r="EW67" s="185"/>
      <c r="EX67" s="185"/>
      <c r="EY67" s="185"/>
      <c r="EZ67" s="185"/>
      <c r="FA67" s="185"/>
      <c r="FB67" s="185"/>
      <c r="FC67" s="185"/>
      <c r="FD67" s="185"/>
      <c r="FE67" s="185"/>
      <c r="FF67" s="185"/>
      <c r="FG67" s="185"/>
      <c r="FH67" s="185"/>
      <c r="FI67" s="185"/>
      <c r="FJ67" s="185"/>
      <c r="FK67" s="185"/>
      <c r="FL67" s="185"/>
      <c r="FM67" s="186"/>
      <c r="FN67" s="193">
        <f>SUM(GP39:HQ62)</f>
        <v>0</v>
      </c>
      <c r="FO67" s="193"/>
      <c r="FP67" s="193"/>
      <c r="FQ67" s="193"/>
      <c r="FR67" s="193"/>
      <c r="FS67" s="193"/>
      <c r="FT67" s="193"/>
      <c r="FU67" s="193"/>
      <c r="FV67" s="193"/>
      <c r="FW67" s="193"/>
      <c r="FX67" s="193"/>
      <c r="FY67" s="193"/>
      <c r="FZ67" s="193"/>
      <c r="GA67" s="193"/>
      <c r="GB67" s="193"/>
      <c r="GC67" s="193"/>
      <c r="GD67" s="193"/>
      <c r="GE67" s="193"/>
      <c r="GF67" s="193"/>
      <c r="GG67" s="193"/>
      <c r="GH67" s="193"/>
      <c r="GI67" s="193"/>
      <c r="GJ67" s="193"/>
      <c r="GK67" s="193"/>
      <c r="GL67" s="193"/>
      <c r="GM67" s="193"/>
      <c r="GN67" s="193"/>
      <c r="GO67" s="193"/>
      <c r="GP67" s="194"/>
      <c r="GQ67" s="211" t="s">
        <v>34</v>
      </c>
      <c r="GR67" s="211"/>
      <c r="GS67" s="211"/>
      <c r="GT67" s="211"/>
      <c r="GU67" s="211"/>
      <c r="GV67" s="211"/>
      <c r="GW67" s="211"/>
      <c r="GX67" s="211"/>
      <c r="GY67" s="211"/>
      <c r="GZ67" s="211"/>
      <c r="HA67" s="211"/>
      <c r="HB67" s="211"/>
      <c r="HC67" s="211"/>
      <c r="HD67" s="211"/>
      <c r="HE67" s="211"/>
      <c r="HF67" s="211"/>
      <c r="HG67" s="211"/>
      <c r="HH67" s="211"/>
      <c r="HI67" s="211"/>
      <c r="HJ67" s="211"/>
      <c r="HK67" s="211"/>
      <c r="HL67" s="211"/>
      <c r="HM67" s="211"/>
      <c r="HN67" s="211"/>
      <c r="HO67" s="211"/>
      <c r="HP67" s="211"/>
      <c r="HQ67" s="214"/>
    </row>
    <row r="68" spans="2:237" ht="6" customHeight="1">
      <c r="B68" s="171"/>
      <c r="C68" s="171"/>
      <c r="D68" s="171"/>
      <c r="E68" s="171"/>
      <c r="F68" s="171"/>
      <c r="G68" s="171"/>
      <c r="H68" s="171"/>
      <c r="I68" s="171"/>
      <c r="J68" s="171"/>
      <c r="K68" s="171"/>
      <c r="L68" s="171"/>
      <c r="M68" s="171"/>
      <c r="N68" s="171"/>
      <c r="O68" s="171"/>
      <c r="P68" s="171"/>
      <c r="Q68" s="171"/>
      <c r="R68" s="171"/>
      <c r="S68" s="171"/>
      <c r="T68" s="171"/>
      <c r="U68" s="171"/>
      <c r="V68" s="171"/>
      <c r="W68" s="171"/>
      <c r="X68" s="171"/>
      <c r="Y68" s="171"/>
      <c r="Z68" s="89"/>
      <c r="AA68" s="90"/>
      <c r="AB68" s="90"/>
      <c r="AC68" s="90"/>
      <c r="AD68" s="90"/>
      <c r="AE68" s="90"/>
      <c r="AF68" s="90"/>
      <c r="AG68" s="90"/>
      <c r="AH68" s="90"/>
      <c r="AI68" s="90"/>
      <c r="AJ68" s="90"/>
      <c r="AK68" s="90"/>
      <c r="AL68" s="90"/>
      <c r="AM68" s="90"/>
      <c r="AN68" s="90"/>
      <c r="AO68" s="90"/>
      <c r="AP68" s="90"/>
      <c r="AQ68" s="90"/>
      <c r="AR68" s="90"/>
      <c r="AS68" s="90"/>
      <c r="AT68" s="90"/>
      <c r="AU68" s="90"/>
      <c r="AV68" s="90"/>
      <c r="AW68" s="90"/>
      <c r="AX68" s="90"/>
      <c r="AY68" s="90"/>
      <c r="AZ68" s="90"/>
      <c r="BA68" s="90"/>
      <c r="BB68" s="90"/>
      <c r="BC68" s="90"/>
      <c r="BD68" s="90"/>
      <c r="BE68" s="90"/>
      <c r="BF68" s="90"/>
      <c r="BG68" s="90"/>
      <c r="BH68" s="90"/>
      <c r="BI68" s="90"/>
      <c r="BJ68" s="90"/>
      <c r="BK68" s="90"/>
      <c r="BL68" s="91"/>
      <c r="BM68" s="96"/>
      <c r="BN68" s="77"/>
      <c r="BO68" s="77"/>
      <c r="BP68" s="77"/>
      <c r="BQ68" s="77"/>
      <c r="BR68" s="77"/>
      <c r="BS68" s="77"/>
      <c r="BT68" s="77"/>
      <c r="BU68" s="77"/>
      <c r="BV68" s="77"/>
      <c r="BW68" s="77"/>
      <c r="BX68" s="77"/>
      <c r="BY68" s="77"/>
      <c r="BZ68" s="77"/>
      <c r="CA68" s="77"/>
      <c r="CB68" s="77"/>
      <c r="CC68" s="77"/>
      <c r="CD68" s="77"/>
      <c r="CE68" s="77"/>
      <c r="CF68" s="77"/>
      <c r="CG68" s="77"/>
      <c r="CH68" s="77"/>
      <c r="CI68" s="77"/>
      <c r="CJ68" s="77"/>
      <c r="CK68" s="77"/>
      <c r="CL68" s="77"/>
      <c r="CM68" s="77"/>
      <c r="CN68" s="77"/>
      <c r="CO68" s="77"/>
      <c r="CP68" s="108"/>
      <c r="CQ68" s="101"/>
      <c r="CR68" s="102"/>
      <c r="CS68" s="102"/>
      <c r="CT68" s="102"/>
      <c r="CU68" s="102"/>
      <c r="CV68" s="102"/>
      <c r="CW68" s="102"/>
      <c r="CX68" s="102"/>
      <c r="CY68" s="102"/>
      <c r="CZ68" s="102"/>
      <c r="DA68" s="102"/>
      <c r="DB68" s="102"/>
      <c r="DC68" s="102"/>
      <c r="DD68" s="102"/>
      <c r="DE68" s="102"/>
      <c r="DF68" s="102"/>
      <c r="DG68" s="102"/>
      <c r="DH68" s="102"/>
      <c r="DI68" s="102"/>
      <c r="DJ68" s="102"/>
      <c r="DK68" s="103"/>
      <c r="DL68" s="89"/>
      <c r="DM68" s="90"/>
      <c r="DN68" s="90"/>
      <c r="DO68" s="90"/>
      <c r="DP68" s="90"/>
      <c r="DQ68" s="90"/>
      <c r="DR68" s="90"/>
      <c r="DS68" s="90"/>
      <c r="DT68" s="90"/>
      <c r="DU68" s="90"/>
      <c r="DV68" s="90"/>
      <c r="DW68" s="90"/>
      <c r="DX68" s="90"/>
      <c r="DY68" s="90"/>
      <c r="DZ68" s="91"/>
      <c r="EA68" s="56"/>
      <c r="EB68" s="56"/>
      <c r="EC68" s="56"/>
      <c r="ED68" s="187"/>
      <c r="EE68" s="188"/>
      <c r="EF68" s="188"/>
      <c r="EG68" s="188"/>
      <c r="EH68" s="188"/>
      <c r="EI68" s="188"/>
      <c r="EJ68" s="188"/>
      <c r="EK68" s="188"/>
      <c r="EL68" s="188"/>
      <c r="EM68" s="188"/>
      <c r="EN68" s="188"/>
      <c r="EO68" s="188"/>
      <c r="EP68" s="188"/>
      <c r="EQ68" s="188"/>
      <c r="ER68" s="188"/>
      <c r="ES68" s="188"/>
      <c r="ET68" s="188"/>
      <c r="EU68" s="188"/>
      <c r="EV68" s="188"/>
      <c r="EW68" s="188"/>
      <c r="EX68" s="188"/>
      <c r="EY68" s="188"/>
      <c r="EZ68" s="188"/>
      <c r="FA68" s="188"/>
      <c r="FB68" s="188"/>
      <c r="FC68" s="188"/>
      <c r="FD68" s="188"/>
      <c r="FE68" s="188"/>
      <c r="FF68" s="188"/>
      <c r="FG68" s="188"/>
      <c r="FH68" s="188"/>
      <c r="FI68" s="188"/>
      <c r="FJ68" s="188"/>
      <c r="FK68" s="188"/>
      <c r="FL68" s="188"/>
      <c r="FM68" s="189"/>
      <c r="FN68" s="193"/>
      <c r="FO68" s="193"/>
      <c r="FP68" s="193"/>
      <c r="FQ68" s="193"/>
      <c r="FR68" s="193"/>
      <c r="FS68" s="193"/>
      <c r="FT68" s="193"/>
      <c r="FU68" s="193"/>
      <c r="FV68" s="193"/>
      <c r="FW68" s="193"/>
      <c r="FX68" s="193"/>
      <c r="FY68" s="193"/>
      <c r="FZ68" s="193"/>
      <c r="GA68" s="193"/>
      <c r="GB68" s="193"/>
      <c r="GC68" s="193"/>
      <c r="GD68" s="193"/>
      <c r="GE68" s="193"/>
      <c r="GF68" s="193"/>
      <c r="GG68" s="193"/>
      <c r="GH68" s="193"/>
      <c r="GI68" s="193"/>
      <c r="GJ68" s="193"/>
      <c r="GK68" s="193"/>
      <c r="GL68" s="193"/>
      <c r="GM68" s="193"/>
      <c r="GN68" s="193"/>
      <c r="GO68" s="193"/>
      <c r="GP68" s="194"/>
      <c r="GQ68" s="212"/>
      <c r="GR68" s="212"/>
      <c r="GS68" s="212"/>
      <c r="GT68" s="212"/>
      <c r="GU68" s="212"/>
      <c r="GV68" s="212"/>
      <c r="GW68" s="212"/>
      <c r="GX68" s="212"/>
      <c r="GY68" s="212"/>
      <c r="GZ68" s="212"/>
      <c r="HA68" s="212"/>
      <c r="HB68" s="212"/>
      <c r="HC68" s="212"/>
      <c r="HD68" s="212"/>
      <c r="HE68" s="212"/>
      <c r="HF68" s="212"/>
      <c r="HG68" s="212"/>
      <c r="HH68" s="212"/>
      <c r="HI68" s="212"/>
      <c r="HJ68" s="212"/>
      <c r="HK68" s="212"/>
      <c r="HL68" s="212"/>
      <c r="HM68" s="212"/>
      <c r="HN68" s="212"/>
      <c r="HO68" s="212"/>
      <c r="HP68" s="212"/>
      <c r="HQ68" s="214"/>
    </row>
    <row r="69" spans="2:237" ht="6" customHeight="1">
      <c r="B69" s="171"/>
      <c r="C69" s="171"/>
      <c r="D69" s="171"/>
      <c r="E69" s="171"/>
      <c r="F69" s="171"/>
      <c r="G69" s="171"/>
      <c r="H69" s="171"/>
      <c r="I69" s="171"/>
      <c r="J69" s="171"/>
      <c r="K69" s="171"/>
      <c r="L69" s="171"/>
      <c r="M69" s="171"/>
      <c r="N69" s="171"/>
      <c r="O69" s="171"/>
      <c r="P69" s="171"/>
      <c r="Q69" s="171"/>
      <c r="R69" s="171"/>
      <c r="S69" s="171"/>
      <c r="T69" s="171"/>
      <c r="U69" s="171"/>
      <c r="V69" s="171"/>
      <c r="W69" s="171"/>
      <c r="X69" s="171"/>
      <c r="Y69" s="171"/>
      <c r="Z69" s="89"/>
      <c r="AA69" s="90"/>
      <c r="AB69" s="90"/>
      <c r="AC69" s="90"/>
      <c r="AD69" s="90"/>
      <c r="AE69" s="90"/>
      <c r="AF69" s="90"/>
      <c r="AG69" s="90"/>
      <c r="AH69" s="90"/>
      <c r="AI69" s="90"/>
      <c r="AJ69" s="90"/>
      <c r="AK69" s="90"/>
      <c r="AL69" s="90"/>
      <c r="AM69" s="90"/>
      <c r="AN69" s="90"/>
      <c r="AO69" s="90"/>
      <c r="AP69" s="90"/>
      <c r="AQ69" s="90"/>
      <c r="AR69" s="90"/>
      <c r="AS69" s="90"/>
      <c r="AT69" s="90"/>
      <c r="AU69" s="90"/>
      <c r="AV69" s="90"/>
      <c r="AW69" s="90"/>
      <c r="AX69" s="90"/>
      <c r="AY69" s="90"/>
      <c r="AZ69" s="90"/>
      <c r="BA69" s="90"/>
      <c r="BB69" s="90"/>
      <c r="BC69" s="90"/>
      <c r="BD69" s="90"/>
      <c r="BE69" s="90"/>
      <c r="BF69" s="90"/>
      <c r="BG69" s="90"/>
      <c r="BH69" s="90"/>
      <c r="BI69" s="90"/>
      <c r="BJ69" s="90"/>
      <c r="BK69" s="90"/>
      <c r="BL69" s="91"/>
      <c r="BM69" s="96"/>
      <c r="BN69" s="77"/>
      <c r="BO69" s="77"/>
      <c r="BP69" s="77"/>
      <c r="BQ69" s="77"/>
      <c r="BR69" s="77"/>
      <c r="BS69" s="77"/>
      <c r="BT69" s="77"/>
      <c r="BU69" s="77"/>
      <c r="BV69" s="77"/>
      <c r="BW69" s="77"/>
      <c r="BX69" s="77"/>
      <c r="BY69" s="77"/>
      <c r="BZ69" s="77"/>
      <c r="CA69" s="77"/>
      <c r="CB69" s="77"/>
      <c r="CC69" s="77"/>
      <c r="CD69" s="77"/>
      <c r="CE69" s="77"/>
      <c r="CF69" s="77"/>
      <c r="CG69" s="77"/>
      <c r="CH69" s="77"/>
      <c r="CI69" s="77"/>
      <c r="CJ69" s="77"/>
      <c r="CK69" s="77"/>
      <c r="CL69" s="77"/>
      <c r="CM69" s="77"/>
      <c r="CN69" s="77"/>
      <c r="CO69" s="77"/>
      <c r="CP69" s="108"/>
      <c r="CQ69" s="101"/>
      <c r="CR69" s="102"/>
      <c r="CS69" s="102"/>
      <c r="CT69" s="102"/>
      <c r="CU69" s="102"/>
      <c r="CV69" s="102"/>
      <c r="CW69" s="102"/>
      <c r="CX69" s="102"/>
      <c r="CY69" s="102"/>
      <c r="CZ69" s="102"/>
      <c r="DA69" s="102"/>
      <c r="DB69" s="102"/>
      <c r="DC69" s="102"/>
      <c r="DD69" s="102"/>
      <c r="DE69" s="102"/>
      <c r="DF69" s="102"/>
      <c r="DG69" s="102"/>
      <c r="DH69" s="102"/>
      <c r="DI69" s="102"/>
      <c r="DJ69" s="102"/>
      <c r="DK69" s="103"/>
      <c r="DL69" s="89"/>
      <c r="DM69" s="90"/>
      <c r="DN69" s="90"/>
      <c r="DO69" s="90"/>
      <c r="DP69" s="90"/>
      <c r="DQ69" s="90"/>
      <c r="DR69" s="90"/>
      <c r="DS69" s="90"/>
      <c r="DT69" s="90"/>
      <c r="DU69" s="90"/>
      <c r="DV69" s="90"/>
      <c r="DW69" s="90"/>
      <c r="DX69" s="90"/>
      <c r="DY69" s="90"/>
      <c r="DZ69" s="91"/>
      <c r="EA69" s="56"/>
      <c r="EB69" s="56"/>
      <c r="EC69" s="56"/>
      <c r="ED69" s="187"/>
      <c r="EE69" s="188"/>
      <c r="EF69" s="188"/>
      <c r="EG69" s="188"/>
      <c r="EH69" s="188"/>
      <c r="EI69" s="188"/>
      <c r="EJ69" s="188"/>
      <c r="EK69" s="188"/>
      <c r="EL69" s="188"/>
      <c r="EM69" s="188"/>
      <c r="EN69" s="188"/>
      <c r="EO69" s="188"/>
      <c r="EP69" s="188"/>
      <c r="EQ69" s="188"/>
      <c r="ER69" s="188"/>
      <c r="ES69" s="188"/>
      <c r="ET69" s="188"/>
      <c r="EU69" s="188"/>
      <c r="EV69" s="188"/>
      <c r="EW69" s="188"/>
      <c r="EX69" s="188"/>
      <c r="EY69" s="188"/>
      <c r="EZ69" s="188"/>
      <c r="FA69" s="188"/>
      <c r="FB69" s="188"/>
      <c r="FC69" s="188"/>
      <c r="FD69" s="188"/>
      <c r="FE69" s="188"/>
      <c r="FF69" s="188"/>
      <c r="FG69" s="188"/>
      <c r="FH69" s="188"/>
      <c r="FI69" s="188"/>
      <c r="FJ69" s="188"/>
      <c r="FK69" s="188"/>
      <c r="FL69" s="188"/>
      <c r="FM69" s="189"/>
      <c r="FN69" s="193"/>
      <c r="FO69" s="193"/>
      <c r="FP69" s="193"/>
      <c r="FQ69" s="193"/>
      <c r="FR69" s="193"/>
      <c r="FS69" s="193"/>
      <c r="FT69" s="193"/>
      <c r="FU69" s="193"/>
      <c r="FV69" s="193"/>
      <c r="FW69" s="193"/>
      <c r="FX69" s="193"/>
      <c r="FY69" s="193"/>
      <c r="FZ69" s="193"/>
      <c r="GA69" s="193"/>
      <c r="GB69" s="193"/>
      <c r="GC69" s="193"/>
      <c r="GD69" s="193"/>
      <c r="GE69" s="193"/>
      <c r="GF69" s="193"/>
      <c r="GG69" s="193"/>
      <c r="GH69" s="193"/>
      <c r="GI69" s="193"/>
      <c r="GJ69" s="193"/>
      <c r="GK69" s="193"/>
      <c r="GL69" s="193"/>
      <c r="GM69" s="193"/>
      <c r="GN69" s="193"/>
      <c r="GO69" s="193"/>
      <c r="GP69" s="194"/>
      <c r="GQ69" s="212"/>
      <c r="GR69" s="212"/>
      <c r="GS69" s="212"/>
      <c r="GT69" s="212"/>
      <c r="GU69" s="212"/>
      <c r="GV69" s="212"/>
      <c r="GW69" s="212"/>
      <c r="GX69" s="212"/>
      <c r="GY69" s="212"/>
      <c r="GZ69" s="212"/>
      <c r="HA69" s="212"/>
      <c r="HB69" s="212"/>
      <c r="HC69" s="212"/>
      <c r="HD69" s="212"/>
      <c r="HE69" s="212"/>
      <c r="HF69" s="212"/>
      <c r="HG69" s="212"/>
      <c r="HH69" s="212"/>
      <c r="HI69" s="212"/>
      <c r="HJ69" s="212"/>
      <c r="HK69" s="212"/>
      <c r="HL69" s="212"/>
      <c r="HM69" s="212"/>
      <c r="HN69" s="212"/>
      <c r="HO69" s="212"/>
      <c r="HP69" s="212"/>
      <c r="HQ69" s="214"/>
    </row>
    <row r="70" spans="2:237" ht="6" customHeight="1">
      <c r="B70" s="171"/>
      <c r="C70" s="171"/>
      <c r="D70" s="171"/>
      <c r="E70" s="171"/>
      <c r="F70" s="171"/>
      <c r="G70" s="171"/>
      <c r="H70" s="171"/>
      <c r="I70" s="171"/>
      <c r="J70" s="171"/>
      <c r="K70" s="171"/>
      <c r="L70" s="171"/>
      <c r="M70" s="171"/>
      <c r="N70" s="171"/>
      <c r="O70" s="171"/>
      <c r="P70" s="171"/>
      <c r="Q70" s="171"/>
      <c r="R70" s="171"/>
      <c r="S70" s="171"/>
      <c r="T70" s="171"/>
      <c r="U70" s="171"/>
      <c r="V70" s="171"/>
      <c r="W70" s="171"/>
      <c r="X70" s="171"/>
      <c r="Y70" s="171"/>
      <c r="Z70" s="92"/>
      <c r="AA70" s="93"/>
      <c r="AB70" s="93"/>
      <c r="AC70" s="93"/>
      <c r="AD70" s="93"/>
      <c r="AE70" s="93"/>
      <c r="AF70" s="93"/>
      <c r="AG70" s="93"/>
      <c r="AH70" s="93"/>
      <c r="AI70" s="93"/>
      <c r="AJ70" s="93"/>
      <c r="AK70" s="93"/>
      <c r="AL70" s="93"/>
      <c r="AM70" s="93"/>
      <c r="AN70" s="93"/>
      <c r="AO70" s="93"/>
      <c r="AP70" s="93"/>
      <c r="AQ70" s="93"/>
      <c r="AR70" s="93"/>
      <c r="AS70" s="93"/>
      <c r="AT70" s="93"/>
      <c r="AU70" s="93"/>
      <c r="AV70" s="93"/>
      <c r="AW70" s="93"/>
      <c r="AX70" s="93"/>
      <c r="AY70" s="93"/>
      <c r="AZ70" s="93"/>
      <c r="BA70" s="93"/>
      <c r="BB70" s="93"/>
      <c r="BC70" s="93"/>
      <c r="BD70" s="93"/>
      <c r="BE70" s="93"/>
      <c r="BF70" s="93"/>
      <c r="BG70" s="93"/>
      <c r="BH70" s="93"/>
      <c r="BI70" s="93"/>
      <c r="BJ70" s="93"/>
      <c r="BK70" s="93"/>
      <c r="BL70" s="94"/>
      <c r="BM70" s="97"/>
      <c r="BN70" s="78"/>
      <c r="BO70" s="78"/>
      <c r="BP70" s="78"/>
      <c r="BQ70" s="78"/>
      <c r="BR70" s="78"/>
      <c r="BS70" s="78"/>
      <c r="BT70" s="78"/>
      <c r="BU70" s="78"/>
      <c r="BV70" s="78"/>
      <c r="BW70" s="78"/>
      <c r="BX70" s="78"/>
      <c r="BY70" s="78"/>
      <c r="BZ70" s="78"/>
      <c r="CA70" s="78"/>
      <c r="CB70" s="78"/>
      <c r="CC70" s="78"/>
      <c r="CD70" s="78"/>
      <c r="CE70" s="78"/>
      <c r="CF70" s="78"/>
      <c r="CG70" s="78"/>
      <c r="CH70" s="78"/>
      <c r="CI70" s="78"/>
      <c r="CJ70" s="78"/>
      <c r="CK70" s="78"/>
      <c r="CL70" s="78"/>
      <c r="CM70" s="78"/>
      <c r="CN70" s="78"/>
      <c r="CO70" s="78"/>
      <c r="CP70" s="109"/>
      <c r="CQ70" s="104"/>
      <c r="CR70" s="105"/>
      <c r="CS70" s="105"/>
      <c r="CT70" s="105"/>
      <c r="CU70" s="105"/>
      <c r="CV70" s="105"/>
      <c r="CW70" s="105"/>
      <c r="CX70" s="105"/>
      <c r="CY70" s="105"/>
      <c r="CZ70" s="105"/>
      <c r="DA70" s="105"/>
      <c r="DB70" s="105"/>
      <c r="DC70" s="105"/>
      <c r="DD70" s="105"/>
      <c r="DE70" s="105"/>
      <c r="DF70" s="105"/>
      <c r="DG70" s="105"/>
      <c r="DH70" s="105"/>
      <c r="DI70" s="105"/>
      <c r="DJ70" s="105"/>
      <c r="DK70" s="106"/>
      <c r="DL70" s="92"/>
      <c r="DM70" s="93"/>
      <c r="DN70" s="93"/>
      <c r="DO70" s="93"/>
      <c r="DP70" s="93"/>
      <c r="DQ70" s="93"/>
      <c r="DR70" s="93"/>
      <c r="DS70" s="93"/>
      <c r="DT70" s="93"/>
      <c r="DU70" s="93"/>
      <c r="DV70" s="93"/>
      <c r="DW70" s="93"/>
      <c r="DX70" s="93"/>
      <c r="DY70" s="93"/>
      <c r="DZ70" s="94"/>
      <c r="EA70" s="56"/>
      <c r="EB70" s="56"/>
      <c r="EC70" s="56"/>
      <c r="ED70" s="190"/>
      <c r="EE70" s="191"/>
      <c r="EF70" s="191"/>
      <c r="EG70" s="191"/>
      <c r="EH70" s="191"/>
      <c r="EI70" s="191"/>
      <c r="EJ70" s="191"/>
      <c r="EK70" s="191"/>
      <c r="EL70" s="191"/>
      <c r="EM70" s="191"/>
      <c r="EN70" s="191"/>
      <c r="EO70" s="191"/>
      <c r="EP70" s="191"/>
      <c r="EQ70" s="191"/>
      <c r="ER70" s="191"/>
      <c r="ES70" s="191"/>
      <c r="ET70" s="191"/>
      <c r="EU70" s="191"/>
      <c r="EV70" s="191"/>
      <c r="EW70" s="191"/>
      <c r="EX70" s="191"/>
      <c r="EY70" s="191"/>
      <c r="EZ70" s="191"/>
      <c r="FA70" s="191"/>
      <c r="FB70" s="191"/>
      <c r="FC70" s="191"/>
      <c r="FD70" s="191"/>
      <c r="FE70" s="191"/>
      <c r="FF70" s="191"/>
      <c r="FG70" s="191"/>
      <c r="FH70" s="191"/>
      <c r="FI70" s="191"/>
      <c r="FJ70" s="191"/>
      <c r="FK70" s="191"/>
      <c r="FL70" s="191"/>
      <c r="FM70" s="192"/>
      <c r="FN70" s="193"/>
      <c r="FO70" s="193"/>
      <c r="FP70" s="193"/>
      <c r="FQ70" s="193"/>
      <c r="FR70" s="193"/>
      <c r="FS70" s="193"/>
      <c r="FT70" s="193"/>
      <c r="FU70" s="193"/>
      <c r="FV70" s="193"/>
      <c r="FW70" s="193"/>
      <c r="FX70" s="193"/>
      <c r="FY70" s="193"/>
      <c r="FZ70" s="193"/>
      <c r="GA70" s="193"/>
      <c r="GB70" s="193"/>
      <c r="GC70" s="193"/>
      <c r="GD70" s="193"/>
      <c r="GE70" s="193"/>
      <c r="GF70" s="193"/>
      <c r="GG70" s="193"/>
      <c r="GH70" s="193"/>
      <c r="GI70" s="193"/>
      <c r="GJ70" s="193"/>
      <c r="GK70" s="193"/>
      <c r="GL70" s="193"/>
      <c r="GM70" s="193"/>
      <c r="GN70" s="193"/>
      <c r="GO70" s="193"/>
      <c r="GP70" s="194"/>
      <c r="GQ70" s="213"/>
      <c r="GR70" s="213"/>
      <c r="GS70" s="213"/>
      <c r="GT70" s="213"/>
      <c r="GU70" s="213"/>
      <c r="GV70" s="213"/>
      <c r="GW70" s="213"/>
      <c r="GX70" s="213"/>
      <c r="GY70" s="213"/>
      <c r="GZ70" s="213"/>
      <c r="HA70" s="213"/>
      <c r="HB70" s="213"/>
      <c r="HC70" s="213"/>
      <c r="HD70" s="213"/>
      <c r="HE70" s="213"/>
      <c r="HF70" s="213"/>
      <c r="HG70" s="213"/>
      <c r="HH70" s="213"/>
      <c r="HI70" s="213"/>
      <c r="HJ70" s="213"/>
      <c r="HK70" s="213"/>
      <c r="HL70" s="213"/>
      <c r="HM70" s="213"/>
      <c r="HN70" s="213"/>
      <c r="HO70" s="213"/>
      <c r="HP70" s="213"/>
      <c r="HQ70" s="214"/>
    </row>
    <row r="71" spans="2:237" ht="6" customHeight="1">
      <c r="B71" s="171" t="s">
        <v>52</v>
      </c>
      <c r="C71" s="171"/>
      <c r="D71" s="171"/>
      <c r="E71" s="171"/>
      <c r="F71" s="171"/>
      <c r="G71" s="171"/>
      <c r="H71" s="171" t="s">
        <v>53</v>
      </c>
      <c r="I71" s="171"/>
      <c r="J71" s="171"/>
      <c r="K71" s="171"/>
      <c r="L71" s="171"/>
      <c r="M71" s="171"/>
      <c r="N71" s="171" t="s">
        <v>54</v>
      </c>
      <c r="O71" s="171"/>
      <c r="P71" s="171"/>
      <c r="Q71" s="171"/>
      <c r="R71" s="171"/>
      <c r="S71" s="171"/>
      <c r="T71" s="171" t="s">
        <v>55</v>
      </c>
      <c r="U71" s="171"/>
      <c r="V71" s="171"/>
      <c r="W71" s="171"/>
      <c r="X71" s="171"/>
      <c r="Y71" s="171"/>
      <c r="Z71" s="86"/>
      <c r="AA71" s="87"/>
      <c r="AB71" s="87"/>
      <c r="AC71" s="87"/>
      <c r="AD71" s="87"/>
      <c r="AE71" s="87"/>
      <c r="AF71" s="87"/>
      <c r="AG71" s="87"/>
      <c r="AH71" s="87"/>
      <c r="AI71" s="87"/>
      <c r="AJ71" s="87"/>
      <c r="AK71" s="87"/>
      <c r="AL71" s="87"/>
      <c r="AM71" s="87"/>
      <c r="AN71" s="87"/>
      <c r="AO71" s="87"/>
      <c r="AP71" s="87"/>
      <c r="AQ71" s="87"/>
      <c r="AR71" s="87"/>
      <c r="AS71" s="87"/>
      <c r="AT71" s="87"/>
      <c r="AU71" s="87"/>
      <c r="AV71" s="87"/>
      <c r="AW71" s="87"/>
      <c r="AX71" s="87"/>
      <c r="AY71" s="87"/>
      <c r="AZ71" s="87"/>
      <c r="BA71" s="87"/>
      <c r="BB71" s="87"/>
      <c r="BC71" s="87"/>
      <c r="BD71" s="87"/>
      <c r="BE71" s="87"/>
      <c r="BF71" s="87"/>
      <c r="BG71" s="87"/>
      <c r="BH71" s="87"/>
      <c r="BI71" s="87"/>
      <c r="BJ71" s="87"/>
      <c r="BK71" s="87"/>
      <c r="BL71" s="88"/>
      <c r="BM71" s="95"/>
      <c r="BN71" s="76"/>
      <c r="BO71" s="76"/>
      <c r="BP71" s="76"/>
      <c r="BQ71" s="76"/>
      <c r="BR71" s="76"/>
      <c r="BS71" s="76"/>
      <c r="BT71" s="76"/>
      <c r="BU71" s="76"/>
      <c r="BV71" s="76"/>
      <c r="BW71" s="76"/>
      <c r="BX71" s="76"/>
      <c r="BY71" s="76"/>
      <c r="BZ71" s="76"/>
      <c r="CA71" s="76"/>
      <c r="CB71" s="76"/>
      <c r="CC71" s="76"/>
      <c r="CD71" s="76"/>
      <c r="CE71" s="76"/>
      <c r="CF71" s="76"/>
      <c r="CG71" s="76"/>
      <c r="CH71" s="76"/>
      <c r="CI71" s="76"/>
      <c r="CJ71" s="76"/>
      <c r="CK71" s="76"/>
      <c r="CL71" s="76"/>
      <c r="CM71" s="76"/>
      <c r="CN71" s="76"/>
      <c r="CO71" s="76"/>
      <c r="CP71" s="107"/>
      <c r="CQ71" s="98"/>
      <c r="CR71" s="99"/>
      <c r="CS71" s="99"/>
      <c r="CT71" s="99"/>
      <c r="CU71" s="99"/>
      <c r="CV71" s="99"/>
      <c r="CW71" s="99"/>
      <c r="CX71" s="99"/>
      <c r="CY71" s="99"/>
      <c r="CZ71" s="99"/>
      <c r="DA71" s="99"/>
      <c r="DB71" s="99"/>
      <c r="DC71" s="99"/>
      <c r="DD71" s="99"/>
      <c r="DE71" s="99"/>
      <c r="DF71" s="99"/>
      <c r="DG71" s="99"/>
      <c r="DH71" s="99"/>
      <c r="DI71" s="99"/>
      <c r="DJ71" s="99"/>
      <c r="DK71" s="100"/>
      <c r="DL71" s="86"/>
      <c r="DM71" s="87"/>
      <c r="DN71" s="87"/>
      <c r="DO71" s="87"/>
      <c r="DP71" s="87"/>
      <c r="DQ71" s="87"/>
      <c r="DR71" s="87"/>
      <c r="DS71" s="87"/>
      <c r="DT71" s="87"/>
      <c r="DU71" s="87"/>
      <c r="DV71" s="87"/>
      <c r="DW71" s="87"/>
      <c r="DX71" s="87"/>
      <c r="DY71" s="87"/>
      <c r="DZ71" s="88"/>
      <c r="EA71" s="56"/>
      <c r="EB71" s="56"/>
      <c r="EC71" s="56"/>
      <c r="ED71" s="67"/>
      <c r="EE71" s="67"/>
      <c r="EF71" s="67"/>
      <c r="EG71" s="67"/>
      <c r="EH71" s="67"/>
      <c r="EI71" s="67"/>
      <c r="EJ71" s="67"/>
      <c r="EK71" s="67"/>
      <c r="EL71" s="67"/>
      <c r="EM71" s="67"/>
      <c r="EN71" s="67"/>
      <c r="EO71" s="67"/>
      <c r="EP71" s="67"/>
      <c r="EQ71" s="67"/>
      <c r="ER71" s="67"/>
      <c r="ES71" s="67"/>
      <c r="ET71" s="67"/>
      <c r="EU71" s="67"/>
      <c r="EV71" s="67"/>
      <c r="EW71" s="67"/>
      <c r="EX71" s="67"/>
      <c r="EY71" s="67"/>
      <c r="EZ71" s="67"/>
      <c r="FA71" s="67"/>
      <c r="FB71" s="67"/>
      <c r="FC71" s="67"/>
      <c r="FD71" s="67"/>
      <c r="FE71" s="67"/>
      <c r="FF71" s="67"/>
      <c r="FG71" s="67"/>
      <c r="FH71" s="67"/>
      <c r="FI71" s="67"/>
      <c r="FJ71" s="67"/>
      <c r="FK71" s="67"/>
      <c r="FL71" s="67"/>
      <c r="FM71" s="67"/>
      <c r="FN71" s="59"/>
      <c r="FO71" s="59"/>
      <c r="FP71" s="59"/>
      <c r="FQ71" s="59"/>
      <c r="FR71" s="59"/>
      <c r="FS71" s="59"/>
      <c r="FT71" s="59"/>
      <c r="FU71" s="59"/>
      <c r="FV71" s="59"/>
      <c r="FW71" s="59"/>
      <c r="FX71" s="59"/>
      <c r="FY71" s="59"/>
      <c r="FZ71" s="59"/>
      <c r="GA71" s="59"/>
      <c r="GB71" s="59"/>
      <c r="GC71" s="59"/>
      <c r="GD71" s="59"/>
      <c r="GE71" s="59"/>
      <c r="GF71" s="59"/>
      <c r="GG71" s="59"/>
      <c r="GH71" s="59"/>
      <c r="GI71" s="59"/>
      <c r="GJ71" s="59"/>
      <c r="GK71" s="59"/>
      <c r="GL71" s="59"/>
      <c r="GM71" s="59"/>
      <c r="GN71" s="59"/>
      <c r="GO71" s="59"/>
      <c r="GP71" s="68"/>
      <c r="GQ71" s="68"/>
      <c r="GR71" s="68"/>
      <c r="GS71" s="68"/>
      <c r="GT71" s="68"/>
      <c r="GU71" s="68"/>
      <c r="GV71" s="68"/>
      <c r="GW71" s="68"/>
      <c r="GX71" s="68"/>
      <c r="GY71" s="68"/>
      <c r="GZ71" s="68"/>
      <c r="HA71" s="68"/>
      <c r="HB71" s="68"/>
      <c r="HC71" s="68"/>
      <c r="HD71" s="68"/>
      <c r="HE71" s="68"/>
      <c r="HF71" s="68"/>
      <c r="HG71" s="68"/>
      <c r="HH71" s="68"/>
      <c r="HI71" s="68"/>
      <c r="HJ71" s="68"/>
      <c r="HK71" s="68"/>
      <c r="HL71" s="68"/>
      <c r="HM71" s="68"/>
      <c r="HN71" s="68"/>
      <c r="HO71" s="68"/>
      <c r="HP71" s="68"/>
    </row>
    <row r="72" spans="2:237" ht="6" customHeight="1">
      <c r="B72" s="171"/>
      <c r="C72" s="171"/>
      <c r="D72" s="171"/>
      <c r="E72" s="171"/>
      <c r="F72" s="171"/>
      <c r="G72" s="171"/>
      <c r="H72" s="171"/>
      <c r="I72" s="171"/>
      <c r="J72" s="171"/>
      <c r="K72" s="171"/>
      <c r="L72" s="171"/>
      <c r="M72" s="171"/>
      <c r="N72" s="171"/>
      <c r="O72" s="171"/>
      <c r="P72" s="171"/>
      <c r="Q72" s="171"/>
      <c r="R72" s="171"/>
      <c r="S72" s="171"/>
      <c r="T72" s="171"/>
      <c r="U72" s="171"/>
      <c r="V72" s="171"/>
      <c r="W72" s="171"/>
      <c r="X72" s="171"/>
      <c r="Y72" s="171"/>
      <c r="Z72" s="89"/>
      <c r="AA72" s="90"/>
      <c r="AB72" s="90"/>
      <c r="AC72" s="90"/>
      <c r="AD72" s="90"/>
      <c r="AE72" s="90"/>
      <c r="AF72" s="90"/>
      <c r="AG72" s="90"/>
      <c r="AH72" s="90"/>
      <c r="AI72" s="90"/>
      <c r="AJ72" s="90"/>
      <c r="AK72" s="90"/>
      <c r="AL72" s="90"/>
      <c r="AM72" s="90"/>
      <c r="AN72" s="90"/>
      <c r="AO72" s="90"/>
      <c r="AP72" s="90"/>
      <c r="AQ72" s="90"/>
      <c r="AR72" s="90"/>
      <c r="AS72" s="90"/>
      <c r="AT72" s="90"/>
      <c r="AU72" s="90"/>
      <c r="AV72" s="90"/>
      <c r="AW72" s="90"/>
      <c r="AX72" s="90"/>
      <c r="AY72" s="90"/>
      <c r="AZ72" s="90"/>
      <c r="BA72" s="90"/>
      <c r="BB72" s="90"/>
      <c r="BC72" s="90"/>
      <c r="BD72" s="90"/>
      <c r="BE72" s="90"/>
      <c r="BF72" s="90"/>
      <c r="BG72" s="90"/>
      <c r="BH72" s="90"/>
      <c r="BI72" s="90"/>
      <c r="BJ72" s="90"/>
      <c r="BK72" s="90"/>
      <c r="BL72" s="91"/>
      <c r="BM72" s="96"/>
      <c r="BN72" s="77"/>
      <c r="BO72" s="77"/>
      <c r="BP72" s="77"/>
      <c r="BQ72" s="77"/>
      <c r="BR72" s="77"/>
      <c r="BS72" s="77"/>
      <c r="BT72" s="77"/>
      <c r="BU72" s="77"/>
      <c r="BV72" s="77"/>
      <c r="BW72" s="77"/>
      <c r="BX72" s="77"/>
      <c r="BY72" s="77"/>
      <c r="BZ72" s="77"/>
      <c r="CA72" s="77"/>
      <c r="CB72" s="77"/>
      <c r="CC72" s="77"/>
      <c r="CD72" s="77"/>
      <c r="CE72" s="77"/>
      <c r="CF72" s="77"/>
      <c r="CG72" s="77"/>
      <c r="CH72" s="77"/>
      <c r="CI72" s="77"/>
      <c r="CJ72" s="77"/>
      <c r="CK72" s="77"/>
      <c r="CL72" s="77"/>
      <c r="CM72" s="77"/>
      <c r="CN72" s="77"/>
      <c r="CO72" s="77"/>
      <c r="CP72" s="108"/>
      <c r="CQ72" s="101"/>
      <c r="CR72" s="102"/>
      <c r="CS72" s="102"/>
      <c r="CT72" s="102"/>
      <c r="CU72" s="102"/>
      <c r="CV72" s="102"/>
      <c r="CW72" s="102"/>
      <c r="CX72" s="102"/>
      <c r="CY72" s="102"/>
      <c r="CZ72" s="102"/>
      <c r="DA72" s="102"/>
      <c r="DB72" s="102"/>
      <c r="DC72" s="102"/>
      <c r="DD72" s="102"/>
      <c r="DE72" s="102"/>
      <c r="DF72" s="102"/>
      <c r="DG72" s="102"/>
      <c r="DH72" s="102"/>
      <c r="DI72" s="102"/>
      <c r="DJ72" s="102"/>
      <c r="DK72" s="103"/>
      <c r="DL72" s="89"/>
      <c r="DM72" s="90"/>
      <c r="DN72" s="90"/>
      <c r="DO72" s="90"/>
      <c r="DP72" s="90"/>
      <c r="DQ72" s="90"/>
      <c r="DR72" s="90"/>
      <c r="DS72" s="90"/>
      <c r="DT72" s="90"/>
      <c r="DU72" s="90"/>
      <c r="DV72" s="90"/>
      <c r="DW72" s="90"/>
      <c r="DX72" s="90"/>
      <c r="DY72" s="90"/>
      <c r="DZ72" s="91"/>
      <c r="EA72" s="56"/>
      <c r="EB72" s="56"/>
      <c r="EC72" s="56"/>
      <c r="ED72" s="195" t="s">
        <v>56</v>
      </c>
      <c r="EE72" s="195"/>
      <c r="EF72" s="195"/>
      <c r="EG72" s="195"/>
      <c r="EH72" s="195"/>
      <c r="EI72" s="195"/>
      <c r="EJ72" s="122" t="s">
        <v>92</v>
      </c>
      <c r="EK72" s="123"/>
      <c r="EL72" s="123"/>
      <c r="EM72" s="123"/>
      <c r="EN72" s="123"/>
      <c r="EO72" s="123"/>
      <c r="EP72" s="123"/>
      <c r="EQ72" s="123"/>
      <c r="ER72" s="123"/>
      <c r="ES72" s="123"/>
      <c r="ET72" s="123"/>
      <c r="EU72" s="123"/>
      <c r="EV72" s="123"/>
      <c r="EW72" s="123"/>
      <c r="EX72" s="123"/>
      <c r="EY72" s="124"/>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X72" s="121"/>
      <c r="FY72" s="121"/>
      <c r="FZ72" s="121"/>
      <c r="GA72" s="122" t="s">
        <v>93</v>
      </c>
      <c r="GB72" s="123"/>
      <c r="GC72" s="123"/>
      <c r="GD72" s="123"/>
      <c r="GE72" s="123"/>
      <c r="GF72" s="123"/>
      <c r="GG72" s="123"/>
      <c r="GH72" s="123"/>
      <c r="GI72" s="123"/>
      <c r="GJ72" s="123"/>
      <c r="GK72" s="123"/>
      <c r="GL72" s="123"/>
      <c r="GM72" s="123"/>
      <c r="GN72" s="124"/>
      <c r="GO72" s="121">
        <f>ROUNDDOWN(EZ72*0.1,0)</f>
        <v>0</v>
      </c>
      <c r="GP72" s="121"/>
      <c r="GQ72" s="121"/>
      <c r="GR72" s="121"/>
      <c r="GS72" s="121"/>
      <c r="GT72" s="121"/>
      <c r="GU72" s="121"/>
      <c r="GV72" s="121"/>
      <c r="GW72" s="121"/>
      <c r="GX72" s="121"/>
      <c r="GY72" s="121"/>
      <c r="GZ72" s="121"/>
      <c r="HA72" s="121"/>
      <c r="HB72" s="121"/>
      <c r="HC72" s="121"/>
      <c r="HD72" s="121"/>
      <c r="HE72" s="121"/>
      <c r="HF72" s="121"/>
      <c r="HG72" s="121"/>
      <c r="HH72" s="121"/>
      <c r="HI72" s="121"/>
      <c r="HJ72" s="121"/>
      <c r="HK72" s="121"/>
      <c r="HL72" s="121"/>
      <c r="HM72" s="121"/>
      <c r="HN72" s="121"/>
      <c r="HO72" s="121"/>
      <c r="HP72" s="121"/>
      <c r="HQ72" s="121"/>
      <c r="HR72" s="68"/>
      <c r="HS72" s="68"/>
      <c r="HT72" s="68"/>
      <c r="HU72" s="68"/>
      <c r="HV72" s="68"/>
      <c r="HW72" s="68"/>
      <c r="HX72" s="68"/>
      <c r="HY72" s="68"/>
      <c r="HZ72" s="68"/>
      <c r="IA72" s="68"/>
      <c r="IB72" s="68"/>
    </row>
    <row r="73" spans="2:237" ht="6" customHeight="1">
      <c r="B73" s="171"/>
      <c r="C73" s="171"/>
      <c r="D73" s="171"/>
      <c r="E73" s="171"/>
      <c r="F73" s="171"/>
      <c r="G73" s="171"/>
      <c r="H73" s="171"/>
      <c r="I73" s="171"/>
      <c r="J73" s="171"/>
      <c r="K73" s="171"/>
      <c r="L73" s="171"/>
      <c r="M73" s="171"/>
      <c r="N73" s="171"/>
      <c r="O73" s="171"/>
      <c r="P73" s="171"/>
      <c r="Q73" s="171"/>
      <c r="R73" s="171"/>
      <c r="S73" s="171"/>
      <c r="T73" s="171"/>
      <c r="U73" s="171"/>
      <c r="V73" s="171"/>
      <c r="W73" s="171"/>
      <c r="X73" s="171"/>
      <c r="Y73" s="171"/>
      <c r="Z73" s="89"/>
      <c r="AA73" s="90"/>
      <c r="AB73" s="90"/>
      <c r="AC73" s="90"/>
      <c r="AD73" s="90"/>
      <c r="AE73" s="90"/>
      <c r="AF73" s="90"/>
      <c r="AG73" s="90"/>
      <c r="AH73" s="90"/>
      <c r="AI73" s="90"/>
      <c r="AJ73" s="90"/>
      <c r="AK73" s="90"/>
      <c r="AL73" s="90"/>
      <c r="AM73" s="90"/>
      <c r="AN73" s="90"/>
      <c r="AO73" s="90"/>
      <c r="AP73" s="90"/>
      <c r="AQ73" s="90"/>
      <c r="AR73" s="90"/>
      <c r="AS73" s="90"/>
      <c r="AT73" s="90"/>
      <c r="AU73" s="90"/>
      <c r="AV73" s="90"/>
      <c r="AW73" s="90"/>
      <c r="AX73" s="90"/>
      <c r="AY73" s="90"/>
      <c r="AZ73" s="90"/>
      <c r="BA73" s="90"/>
      <c r="BB73" s="90"/>
      <c r="BC73" s="90"/>
      <c r="BD73" s="90"/>
      <c r="BE73" s="90"/>
      <c r="BF73" s="90"/>
      <c r="BG73" s="90"/>
      <c r="BH73" s="90"/>
      <c r="BI73" s="90"/>
      <c r="BJ73" s="90"/>
      <c r="BK73" s="90"/>
      <c r="BL73" s="91"/>
      <c r="BM73" s="96"/>
      <c r="BN73" s="77"/>
      <c r="BO73" s="77"/>
      <c r="BP73" s="77"/>
      <c r="BQ73" s="77"/>
      <c r="BR73" s="77"/>
      <c r="BS73" s="77"/>
      <c r="BT73" s="77"/>
      <c r="BU73" s="77"/>
      <c r="BV73" s="77"/>
      <c r="BW73" s="77"/>
      <c r="BX73" s="77"/>
      <c r="BY73" s="77"/>
      <c r="BZ73" s="77"/>
      <c r="CA73" s="77"/>
      <c r="CB73" s="77"/>
      <c r="CC73" s="77"/>
      <c r="CD73" s="77"/>
      <c r="CE73" s="77"/>
      <c r="CF73" s="77"/>
      <c r="CG73" s="77"/>
      <c r="CH73" s="77"/>
      <c r="CI73" s="77"/>
      <c r="CJ73" s="77"/>
      <c r="CK73" s="77"/>
      <c r="CL73" s="77"/>
      <c r="CM73" s="77"/>
      <c r="CN73" s="77"/>
      <c r="CO73" s="77"/>
      <c r="CP73" s="108"/>
      <c r="CQ73" s="101"/>
      <c r="CR73" s="102"/>
      <c r="CS73" s="102"/>
      <c r="CT73" s="102"/>
      <c r="CU73" s="102"/>
      <c r="CV73" s="102"/>
      <c r="CW73" s="102"/>
      <c r="CX73" s="102"/>
      <c r="CY73" s="102"/>
      <c r="CZ73" s="102"/>
      <c r="DA73" s="102"/>
      <c r="DB73" s="102"/>
      <c r="DC73" s="102"/>
      <c r="DD73" s="102"/>
      <c r="DE73" s="102"/>
      <c r="DF73" s="102"/>
      <c r="DG73" s="102"/>
      <c r="DH73" s="102"/>
      <c r="DI73" s="102"/>
      <c r="DJ73" s="102"/>
      <c r="DK73" s="103"/>
      <c r="DL73" s="89"/>
      <c r="DM73" s="90"/>
      <c r="DN73" s="90"/>
      <c r="DO73" s="90"/>
      <c r="DP73" s="90"/>
      <c r="DQ73" s="90"/>
      <c r="DR73" s="90"/>
      <c r="DS73" s="90"/>
      <c r="DT73" s="90"/>
      <c r="DU73" s="90"/>
      <c r="DV73" s="90"/>
      <c r="DW73" s="90"/>
      <c r="DX73" s="90"/>
      <c r="DY73" s="90"/>
      <c r="DZ73" s="91"/>
      <c r="EA73" s="56"/>
      <c r="EB73" s="56"/>
      <c r="EC73" s="56"/>
      <c r="ED73" s="195"/>
      <c r="EE73" s="195"/>
      <c r="EF73" s="195"/>
      <c r="EG73" s="195"/>
      <c r="EH73" s="195"/>
      <c r="EI73" s="195"/>
      <c r="EJ73" s="125"/>
      <c r="EK73" s="126"/>
      <c r="EL73" s="126"/>
      <c r="EM73" s="126"/>
      <c r="EN73" s="126"/>
      <c r="EO73" s="126"/>
      <c r="EP73" s="126"/>
      <c r="EQ73" s="126"/>
      <c r="ER73" s="126"/>
      <c r="ES73" s="126"/>
      <c r="ET73" s="126"/>
      <c r="EU73" s="126"/>
      <c r="EV73" s="126"/>
      <c r="EW73" s="126"/>
      <c r="EX73" s="126"/>
      <c r="EY73" s="127"/>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X73" s="121"/>
      <c r="FY73" s="121"/>
      <c r="FZ73" s="121"/>
      <c r="GA73" s="125"/>
      <c r="GB73" s="126"/>
      <c r="GC73" s="126"/>
      <c r="GD73" s="126"/>
      <c r="GE73" s="126"/>
      <c r="GF73" s="126"/>
      <c r="GG73" s="126"/>
      <c r="GH73" s="126"/>
      <c r="GI73" s="126"/>
      <c r="GJ73" s="126"/>
      <c r="GK73" s="126"/>
      <c r="GL73" s="126"/>
      <c r="GM73" s="126"/>
      <c r="GN73" s="127"/>
      <c r="GO73" s="121"/>
      <c r="GP73" s="121"/>
      <c r="GQ73" s="121"/>
      <c r="GR73" s="121"/>
      <c r="GS73" s="121"/>
      <c r="GT73" s="121"/>
      <c r="GU73" s="121"/>
      <c r="GV73" s="121"/>
      <c r="GW73" s="121"/>
      <c r="GX73" s="121"/>
      <c r="GY73" s="121"/>
      <c r="GZ73" s="121"/>
      <c r="HA73" s="121"/>
      <c r="HB73" s="121"/>
      <c r="HC73" s="121"/>
      <c r="HD73" s="121"/>
      <c r="HE73" s="121"/>
      <c r="HF73" s="121"/>
      <c r="HG73" s="121"/>
      <c r="HH73" s="121"/>
      <c r="HI73" s="121"/>
      <c r="HJ73" s="121"/>
      <c r="HK73" s="121"/>
      <c r="HL73" s="121"/>
      <c r="HM73" s="121"/>
      <c r="HN73" s="121"/>
      <c r="HO73" s="121"/>
      <c r="HP73" s="121"/>
      <c r="HQ73" s="121"/>
      <c r="HR73" s="68"/>
      <c r="HS73" s="68"/>
      <c r="HT73" s="68"/>
      <c r="HU73" s="68"/>
      <c r="HV73" s="68"/>
      <c r="HW73" s="68"/>
      <c r="HX73" s="68"/>
      <c r="HY73" s="68"/>
      <c r="HZ73" s="68"/>
      <c r="IA73" s="68"/>
      <c r="IB73" s="68"/>
    </row>
    <row r="74" spans="2:237" ht="6" customHeight="1">
      <c r="B74" s="171"/>
      <c r="C74" s="171"/>
      <c r="D74" s="171"/>
      <c r="E74" s="171"/>
      <c r="F74" s="171"/>
      <c r="G74" s="171"/>
      <c r="H74" s="171"/>
      <c r="I74" s="171"/>
      <c r="J74" s="171"/>
      <c r="K74" s="171"/>
      <c r="L74" s="171"/>
      <c r="M74" s="171"/>
      <c r="N74" s="171"/>
      <c r="O74" s="171"/>
      <c r="P74" s="171"/>
      <c r="Q74" s="171"/>
      <c r="R74" s="171"/>
      <c r="S74" s="171"/>
      <c r="T74" s="171"/>
      <c r="U74" s="171"/>
      <c r="V74" s="171"/>
      <c r="W74" s="171"/>
      <c r="X74" s="171"/>
      <c r="Y74" s="171"/>
      <c r="Z74" s="92"/>
      <c r="AA74" s="93"/>
      <c r="AB74" s="93"/>
      <c r="AC74" s="93"/>
      <c r="AD74" s="93"/>
      <c r="AE74" s="93"/>
      <c r="AF74" s="93"/>
      <c r="AG74" s="93"/>
      <c r="AH74" s="93"/>
      <c r="AI74" s="93"/>
      <c r="AJ74" s="93"/>
      <c r="AK74" s="93"/>
      <c r="AL74" s="93"/>
      <c r="AM74" s="93"/>
      <c r="AN74" s="93"/>
      <c r="AO74" s="93"/>
      <c r="AP74" s="93"/>
      <c r="AQ74" s="93"/>
      <c r="AR74" s="93"/>
      <c r="AS74" s="93"/>
      <c r="AT74" s="93"/>
      <c r="AU74" s="93"/>
      <c r="AV74" s="93"/>
      <c r="AW74" s="93"/>
      <c r="AX74" s="93"/>
      <c r="AY74" s="93"/>
      <c r="AZ74" s="93"/>
      <c r="BA74" s="93"/>
      <c r="BB74" s="93"/>
      <c r="BC74" s="93"/>
      <c r="BD74" s="93"/>
      <c r="BE74" s="93"/>
      <c r="BF74" s="93"/>
      <c r="BG74" s="93"/>
      <c r="BH74" s="93"/>
      <c r="BI74" s="93"/>
      <c r="BJ74" s="93"/>
      <c r="BK74" s="93"/>
      <c r="BL74" s="94"/>
      <c r="BM74" s="97"/>
      <c r="BN74" s="78"/>
      <c r="BO74" s="78"/>
      <c r="BP74" s="78"/>
      <c r="BQ74" s="78"/>
      <c r="BR74" s="78"/>
      <c r="BS74" s="78"/>
      <c r="BT74" s="78"/>
      <c r="BU74" s="78"/>
      <c r="BV74" s="78"/>
      <c r="BW74" s="78"/>
      <c r="BX74" s="78"/>
      <c r="BY74" s="78"/>
      <c r="BZ74" s="78"/>
      <c r="CA74" s="78"/>
      <c r="CB74" s="78"/>
      <c r="CC74" s="78"/>
      <c r="CD74" s="78"/>
      <c r="CE74" s="78"/>
      <c r="CF74" s="78"/>
      <c r="CG74" s="78"/>
      <c r="CH74" s="78"/>
      <c r="CI74" s="78"/>
      <c r="CJ74" s="78"/>
      <c r="CK74" s="78"/>
      <c r="CL74" s="78"/>
      <c r="CM74" s="78"/>
      <c r="CN74" s="78"/>
      <c r="CO74" s="78"/>
      <c r="CP74" s="109"/>
      <c r="CQ74" s="104"/>
      <c r="CR74" s="105"/>
      <c r="CS74" s="105"/>
      <c r="CT74" s="105"/>
      <c r="CU74" s="105"/>
      <c r="CV74" s="105"/>
      <c r="CW74" s="105"/>
      <c r="CX74" s="105"/>
      <c r="CY74" s="105"/>
      <c r="CZ74" s="105"/>
      <c r="DA74" s="105"/>
      <c r="DB74" s="105"/>
      <c r="DC74" s="105"/>
      <c r="DD74" s="105"/>
      <c r="DE74" s="105"/>
      <c r="DF74" s="105"/>
      <c r="DG74" s="105"/>
      <c r="DH74" s="105"/>
      <c r="DI74" s="105"/>
      <c r="DJ74" s="105"/>
      <c r="DK74" s="106"/>
      <c r="DL74" s="92"/>
      <c r="DM74" s="93"/>
      <c r="DN74" s="93"/>
      <c r="DO74" s="93"/>
      <c r="DP74" s="93"/>
      <c r="DQ74" s="93"/>
      <c r="DR74" s="93"/>
      <c r="DS74" s="93"/>
      <c r="DT74" s="93"/>
      <c r="DU74" s="93"/>
      <c r="DV74" s="93"/>
      <c r="DW74" s="93"/>
      <c r="DX74" s="93"/>
      <c r="DY74" s="93"/>
      <c r="DZ74" s="94"/>
      <c r="EA74" s="56"/>
      <c r="EB74" s="56"/>
      <c r="EC74" s="56"/>
      <c r="ED74" s="195"/>
      <c r="EE74" s="195"/>
      <c r="EF74" s="195"/>
      <c r="EG74" s="195"/>
      <c r="EH74" s="195"/>
      <c r="EI74" s="195"/>
      <c r="EJ74" s="125"/>
      <c r="EK74" s="126"/>
      <c r="EL74" s="126"/>
      <c r="EM74" s="126"/>
      <c r="EN74" s="126"/>
      <c r="EO74" s="126"/>
      <c r="EP74" s="126"/>
      <c r="EQ74" s="126"/>
      <c r="ER74" s="126"/>
      <c r="ES74" s="126"/>
      <c r="ET74" s="126"/>
      <c r="EU74" s="126"/>
      <c r="EV74" s="126"/>
      <c r="EW74" s="126"/>
      <c r="EX74" s="126"/>
      <c r="EY74" s="127"/>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X74" s="121"/>
      <c r="FY74" s="121"/>
      <c r="FZ74" s="121"/>
      <c r="GA74" s="125"/>
      <c r="GB74" s="126"/>
      <c r="GC74" s="126"/>
      <c r="GD74" s="126"/>
      <c r="GE74" s="126"/>
      <c r="GF74" s="126"/>
      <c r="GG74" s="126"/>
      <c r="GH74" s="126"/>
      <c r="GI74" s="126"/>
      <c r="GJ74" s="126"/>
      <c r="GK74" s="126"/>
      <c r="GL74" s="126"/>
      <c r="GM74" s="126"/>
      <c r="GN74" s="127"/>
      <c r="GO74" s="121"/>
      <c r="GP74" s="121"/>
      <c r="GQ74" s="121"/>
      <c r="GR74" s="121"/>
      <c r="GS74" s="121"/>
      <c r="GT74" s="121"/>
      <c r="GU74" s="121"/>
      <c r="GV74" s="121"/>
      <c r="GW74" s="121"/>
      <c r="GX74" s="121"/>
      <c r="GY74" s="121"/>
      <c r="GZ74" s="121"/>
      <c r="HA74" s="121"/>
      <c r="HB74" s="121"/>
      <c r="HC74" s="121"/>
      <c r="HD74" s="121"/>
      <c r="HE74" s="121"/>
      <c r="HF74" s="121"/>
      <c r="HG74" s="121"/>
      <c r="HH74" s="121"/>
      <c r="HI74" s="121"/>
      <c r="HJ74" s="121"/>
      <c r="HK74" s="121"/>
      <c r="HL74" s="121"/>
      <c r="HM74" s="121"/>
      <c r="HN74" s="121"/>
      <c r="HO74" s="121"/>
      <c r="HP74" s="121"/>
      <c r="HQ74" s="121"/>
      <c r="HR74" s="68"/>
      <c r="HS74" s="68"/>
      <c r="HT74" s="68"/>
      <c r="HU74" s="68"/>
      <c r="HV74" s="68"/>
      <c r="HW74" s="68"/>
      <c r="HX74" s="68"/>
      <c r="HY74" s="68"/>
      <c r="HZ74" s="68"/>
      <c r="IA74" s="68"/>
      <c r="IB74" s="68"/>
    </row>
    <row r="75" spans="2:237" ht="6" customHeight="1">
      <c r="B75" s="171" t="s">
        <v>52</v>
      </c>
      <c r="C75" s="171"/>
      <c r="D75" s="171"/>
      <c r="E75" s="171"/>
      <c r="F75" s="171"/>
      <c r="G75" s="171"/>
      <c r="H75" s="171" t="s">
        <v>53</v>
      </c>
      <c r="I75" s="171"/>
      <c r="J75" s="171"/>
      <c r="K75" s="171"/>
      <c r="L75" s="171"/>
      <c r="M75" s="171"/>
      <c r="N75" s="171" t="s">
        <v>54</v>
      </c>
      <c r="O75" s="171"/>
      <c r="P75" s="171"/>
      <c r="Q75" s="171"/>
      <c r="R75" s="171"/>
      <c r="S75" s="171"/>
      <c r="T75" s="171" t="s">
        <v>55</v>
      </c>
      <c r="U75" s="171"/>
      <c r="V75" s="171"/>
      <c r="W75" s="171"/>
      <c r="X75" s="171"/>
      <c r="Y75" s="171"/>
      <c r="Z75" s="86"/>
      <c r="AA75" s="87"/>
      <c r="AB75" s="87"/>
      <c r="AC75" s="87"/>
      <c r="AD75" s="87"/>
      <c r="AE75" s="87"/>
      <c r="AF75" s="87"/>
      <c r="AG75" s="87"/>
      <c r="AH75" s="87"/>
      <c r="AI75" s="87"/>
      <c r="AJ75" s="87"/>
      <c r="AK75" s="87"/>
      <c r="AL75" s="87"/>
      <c r="AM75" s="87"/>
      <c r="AN75" s="87"/>
      <c r="AO75" s="87"/>
      <c r="AP75" s="87"/>
      <c r="AQ75" s="87"/>
      <c r="AR75" s="87"/>
      <c r="AS75" s="87"/>
      <c r="AT75" s="87"/>
      <c r="AU75" s="87"/>
      <c r="AV75" s="87"/>
      <c r="AW75" s="87"/>
      <c r="AX75" s="87"/>
      <c r="AY75" s="87"/>
      <c r="AZ75" s="87"/>
      <c r="BA75" s="87"/>
      <c r="BB75" s="87"/>
      <c r="BC75" s="87"/>
      <c r="BD75" s="87"/>
      <c r="BE75" s="87"/>
      <c r="BF75" s="87"/>
      <c r="BG75" s="87"/>
      <c r="BH75" s="87"/>
      <c r="BI75" s="87"/>
      <c r="BJ75" s="87"/>
      <c r="BK75" s="87"/>
      <c r="BL75" s="88"/>
      <c r="BM75" s="95"/>
      <c r="BN75" s="76"/>
      <c r="BO75" s="76"/>
      <c r="BP75" s="76"/>
      <c r="BQ75" s="76"/>
      <c r="BR75" s="76"/>
      <c r="BS75" s="76"/>
      <c r="BT75" s="76"/>
      <c r="BU75" s="76"/>
      <c r="BV75" s="76"/>
      <c r="BW75" s="76"/>
      <c r="BX75" s="76"/>
      <c r="BY75" s="76"/>
      <c r="BZ75" s="76"/>
      <c r="CA75" s="76"/>
      <c r="CB75" s="76"/>
      <c r="CC75" s="76"/>
      <c r="CD75" s="76"/>
      <c r="CE75" s="76"/>
      <c r="CF75" s="76"/>
      <c r="CG75" s="76"/>
      <c r="CH75" s="76"/>
      <c r="CI75" s="76"/>
      <c r="CJ75" s="76"/>
      <c r="CK75" s="76"/>
      <c r="CL75" s="76"/>
      <c r="CM75" s="76"/>
      <c r="CN75" s="76"/>
      <c r="CO75" s="76"/>
      <c r="CP75" s="107"/>
      <c r="CQ75" s="98"/>
      <c r="CR75" s="99"/>
      <c r="CS75" s="99"/>
      <c r="CT75" s="99"/>
      <c r="CU75" s="99"/>
      <c r="CV75" s="99"/>
      <c r="CW75" s="99"/>
      <c r="CX75" s="99"/>
      <c r="CY75" s="99"/>
      <c r="CZ75" s="99"/>
      <c r="DA75" s="99"/>
      <c r="DB75" s="99"/>
      <c r="DC75" s="99"/>
      <c r="DD75" s="99"/>
      <c r="DE75" s="99"/>
      <c r="DF75" s="99"/>
      <c r="DG75" s="99"/>
      <c r="DH75" s="99"/>
      <c r="DI75" s="99"/>
      <c r="DJ75" s="99"/>
      <c r="DK75" s="100"/>
      <c r="DL75" s="86"/>
      <c r="DM75" s="87"/>
      <c r="DN75" s="87"/>
      <c r="DO75" s="87"/>
      <c r="DP75" s="87"/>
      <c r="DQ75" s="87"/>
      <c r="DR75" s="87"/>
      <c r="DS75" s="87"/>
      <c r="DT75" s="87"/>
      <c r="DU75" s="87"/>
      <c r="DV75" s="87"/>
      <c r="DW75" s="87"/>
      <c r="DX75" s="87"/>
      <c r="DY75" s="87"/>
      <c r="DZ75" s="88"/>
      <c r="EA75" s="56"/>
      <c r="EB75" s="56"/>
      <c r="EC75" s="56"/>
      <c r="ED75" s="195"/>
      <c r="EE75" s="195"/>
      <c r="EF75" s="195"/>
      <c r="EG75" s="195"/>
      <c r="EH75" s="195"/>
      <c r="EI75" s="195"/>
      <c r="EJ75" s="128"/>
      <c r="EK75" s="129"/>
      <c r="EL75" s="129"/>
      <c r="EM75" s="129"/>
      <c r="EN75" s="129"/>
      <c r="EO75" s="129"/>
      <c r="EP75" s="129"/>
      <c r="EQ75" s="129"/>
      <c r="ER75" s="129"/>
      <c r="ES75" s="129"/>
      <c r="ET75" s="129"/>
      <c r="EU75" s="129"/>
      <c r="EV75" s="129"/>
      <c r="EW75" s="129"/>
      <c r="EX75" s="129"/>
      <c r="EY75" s="130"/>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X75" s="121"/>
      <c r="FY75" s="121"/>
      <c r="FZ75" s="121"/>
      <c r="GA75" s="128"/>
      <c r="GB75" s="129"/>
      <c r="GC75" s="129"/>
      <c r="GD75" s="129"/>
      <c r="GE75" s="129"/>
      <c r="GF75" s="129"/>
      <c r="GG75" s="129"/>
      <c r="GH75" s="129"/>
      <c r="GI75" s="129"/>
      <c r="GJ75" s="129"/>
      <c r="GK75" s="129"/>
      <c r="GL75" s="129"/>
      <c r="GM75" s="129"/>
      <c r="GN75" s="130"/>
      <c r="GO75" s="121"/>
      <c r="GP75" s="121"/>
      <c r="GQ75" s="121"/>
      <c r="GR75" s="121"/>
      <c r="GS75" s="121"/>
      <c r="GT75" s="121"/>
      <c r="GU75" s="121"/>
      <c r="GV75" s="121"/>
      <c r="GW75" s="121"/>
      <c r="GX75" s="121"/>
      <c r="GY75" s="121"/>
      <c r="GZ75" s="121"/>
      <c r="HA75" s="121"/>
      <c r="HB75" s="121"/>
      <c r="HC75" s="121"/>
      <c r="HD75" s="121"/>
      <c r="HE75" s="121"/>
      <c r="HF75" s="121"/>
      <c r="HG75" s="121"/>
      <c r="HH75" s="121"/>
      <c r="HI75" s="121"/>
      <c r="HJ75" s="121"/>
      <c r="HK75" s="121"/>
      <c r="HL75" s="121"/>
      <c r="HM75" s="121"/>
      <c r="HN75" s="121"/>
      <c r="HO75" s="121"/>
      <c r="HP75" s="121"/>
      <c r="HQ75" s="121"/>
    </row>
    <row r="76" spans="2:237" ht="6" customHeight="1">
      <c r="B76" s="171"/>
      <c r="C76" s="171"/>
      <c r="D76" s="171"/>
      <c r="E76" s="171"/>
      <c r="F76" s="171"/>
      <c r="G76" s="171"/>
      <c r="H76" s="171"/>
      <c r="I76" s="171"/>
      <c r="J76" s="171"/>
      <c r="K76" s="171"/>
      <c r="L76" s="171"/>
      <c r="M76" s="171"/>
      <c r="N76" s="171"/>
      <c r="O76" s="171"/>
      <c r="P76" s="171"/>
      <c r="Q76" s="171"/>
      <c r="R76" s="171"/>
      <c r="S76" s="171"/>
      <c r="T76" s="171"/>
      <c r="U76" s="171"/>
      <c r="V76" s="171"/>
      <c r="W76" s="171"/>
      <c r="X76" s="171"/>
      <c r="Y76" s="171"/>
      <c r="Z76" s="89"/>
      <c r="AA76" s="90"/>
      <c r="AB76" s="90"/>
      <c r="AC76" s="90"/>
      <c r="AD76" s="90"/>
      <c r="AE76" s="90"/>
      <c r="AF76" s="90"/>
      <c r="AG76" s="90"/>
      <c r="AH76" s="90"/>
      <c r="AI76" s="90"/>
      <c r="AJ76" s="90"/>
      <c r="AK76" s="90"/>
      <c r="AL76" s="90"/>
      <c r="AM76" s="90"/>
      <c r="AN76" s="90"/>
      <c r="AO76" s="90"/>
      <c r="AP76" s="90"/>
      <c r="AQ76" s="90"/>
      <c r="AR76" s="90"/>
      <c r="AS76" s="90"/>
      <c r="AT76" s="90"/>
      <c r="AU76" s="90"/>
      <c r="AV76" s="90"/>
      <c r="AW76" s="90"/>
      <c r="AX76" s="90"/>
      <c r="AY76" s="90"/>
      <c r="AZ76" s="90"/>
      <c r="BA76" s="90"/>
      <c r="BB76" s="90"/>
      <c r="BC76" s="90"/>
      <c r="BD76" s="90"/>
      <c r="BE76" s="90"/>
      <c r="BF76" s="90"/>
      <c r="BG76" s="90"/>
      <c r="BH76" s="90"/>
      <c r="BI76" s="90"/>
      <c r="BJ76" s="90"/>
      <c r="BK76" s="90"/>
      <c r="BL76" s="91"/>
      <c r="BM76" s="96"/>
      <c r="BN76" s="77"/>
      <c r="BO76" s="77"/>
      <c r="BP76" s="77"/>
      <c r="BQ76" s="77"/>
      <c r="BR76" s="77"/>
      <c r="BS76" s="77"/>
      <c r="BT76" s="77"/>
      <c r="BU76" s="77"/>
      <c r="BV76" s="77"/>
      <c r="BW76" s="77"/>
      <c r="BX76" s="77"/>
      <c r="BY76" s="77"/>
      <c r="BZ76" s="77"/>
      <c r="CA76" s="77"/>
      <c r="CB76" s="77"/>
      <c r="CC76" s="77"/>
      <c r="CD76" s="77"/>
      <c r="CE76" s="77"/>
      <c r="CF76" s="77"/>
      <c r="CG76" s="77"/>
      <c r="CH76" s="77"/>
      <c r="CI76" s="77"/>
      <c r="CJ76" s="77"/>
      <c r="CK76" s="77"/>
      <c r="CL76" s="77"/>
      <c r="CM76" s="77"/>
      <c r="CN76" s="77"/>
      <c r="CO76" s="77"/>
      <c r="CP76" s="108"/>
      <c r="CQ76" s="101"/>
      <c r="CR76" s="102"/>
      <c r="CS76" s="102"/>
      <c r="CT76" s="102"/>
      <c r="CU76" s="102"/>
      <c r="CV76" s="102"/>
      <c r="CW76" s="102"/>
      <c r="CX76" s="102"/>
      <c r="CY76" s="102"/>
      <c r="CZ76" s="102"/>
      <c r="DA76" s="102"/>
      <c r="DB76" s="102"/>
      <c r="DC76" s="102"/>
      <c r="DD76" s="102"/>
      <c r="DE76" s="102"/>
      <c r="DF76" s="102"/>
      <c r="DG76" s="102"/>
      <c r="DH76" s="102"/>
      <c r="DI76" s="102"/>
      <c r="DJ76" s="102"/>
      <c r="DK76" s="103"/>
      <c r="DL76" s="89"/>
      <c r="DM76" s="90"/>
      <c r="DN76" s="90"/>
      <c r="DO76" s="90"/>
      <c r="DP76" s="90"/>
      <c r="DQ76" s="90"/>
      <c r="DR76" s="90"/>
      <c r="DS76" s="90"/>
      <c r="DT76" s="90"/>
      <c r="DU76" s="90"/>
      <c r="DV76" s="90"/>
      <c r="DW76" s="90"/>
      <c r="DX76" s="90"/>
      <c r="DY76" s="90"/>
      <c r="DZ76" s="91"/>
      <c r="EA76" s="56"/>
      <c r="EB76" s="56"/>
      <c r="EC76" s="56"/>
      <c r="ED76" s="195"/>
      <c r="EE76" s="195"/>
      <c r="EF76" s="195"/>
      <c r="EG76" s="195"/>
      <c r="EH76" s="195"/>
      <c r="EI76" s="195"/>
      <c r="EJ76" s="122" t="s">
        <v>94</v>
      </c>
      <c r="EK76" s="123"/>
      <c r="EL76" s="123"/>
      <c r="EM76" s="123"/>
      <c r="EN76" s="123"/>
      <c r="EO76" s="123"/>
      <c r="EP76" s="123"/>
      <c r="EQ76" s="123"/>
      <c r="ER76" s="123"/>
      <c r="ES76" s="123"/>
      <c r="ET76" s="123"/>
      <c r="EU76" s="123"/>
      <c r="EV76" s="123"/>
      <c r="EW76" s="123"/>
      <c r="EX76" s="123"/>
      <c r="EY76" s="124"/>
      <c r="EZ76" s="121"/>
      <c r="FA76" s="121"/>
      <c r="FB76" s="121"/>
      <c r="FC76" s="121"/>
      <c r="FD76" s="121"/>
      <c r="FE76" s="121"/>
      <c r="FF76" s="121"/>
      <c r="FG76" s="121"/>
      <c r="FH76" s="121"/>
      <c r="FI76" s="121"/>
      <c r="FJ76" s="121"/>
      <c r="FK76" s="121"/>
      <c r="FL76" s="121"/>
      <c r="FM76" s="121"/>
      <c r="FN76" s="121"/>
      <c r="FO76" s="121"/>
      <c r="FP76" s="121"/>
      <c r="FQ76" s="121"/>
      <c r="FR76" s="121"/>
      <c r="FS76" s="121"/>
      <c r="FT76" s="121"/>
      <c r="FU76" s="121"/>
      <c r="FV76" s="121"/>
      <c r="FW76" s="121"/>
      <c r="FX76" s="121"/>
      <c r="FY76" s="121"/>
      <c r="FZ76" s="121"/>
      <c r="GA76" s="122" t="s">
        <v>95</v>
      </c>
      <c r="GB76" s="123"/>
      <c r="GC76" s="123"/>
      <c r="GD76" s="123"/>
      <c r="GE76" s="123"/>
      <c r="GF76" s="123"/>
      <c r="GG76" s="123"/>
      <c r="GH76" s="123"/>
      <c r="GI76" s="123"/>
      <c r="GJ76" s="123"/>
      <c r="GK76" s="123"/>
      <c r="GL76" s="123"/>
      <c r="GM76" s="123"/>
      <c r="GN76" s="124"/>
      <c r="GO76" s="121">
        <f>ROUNDDOWN(EZ76*0.08,0)</f>
        <v>0</v>
      </c>
      <c r="GP76" s="121"/>
      <c r="GQ76" s="121"/>
      <c r="GR76" s="121"/>
      <c r="GS76" s="121"/>
      <c r="GT76" s="121"/>
      <c r="GU76" s="121"/>
      <c r="GV76" s="121"/>
      <c r="GW76" s="121"/>
      <c r="GX76" s="121"/>
      <c r="GY76" s="121"/>
      <c r="GZ76" s="121"/>
      <c r="HA76" s="121"/>
      <c r="HB76" s="121"/>
      <c r="HC76" s="121"/>
      <c r="HD76" s="121"/>
      <c r="HE76" s="121"/>
      <c r="HF76" s="121"/>
      <c r="HG76" s="121"/>
      <c r="HH76" s="121"/>
      <c r="HI76" s="121"/>
      <c r="HJ76" s="121"/>
      <c r="HK76" s="121"/>
      <c r="HL76" s="121"/>
      <c r="HM76" s="121"/>
      <c r="HN76" s="121"/>
      <c r="HO76" s="121"/>
      <c r="HP76" s="121"/>
      <c r="HQ76" s="121"/>
    </row>
    <row r="77" spans="2:237" ht="6" customHeight="1">
      <c r="B77" s="171"/>
      <c r="C77" s="171"/>
      <c r="D77" s="171"/>
      <c r="E77" s="171"/>
      <c r="F77" s="171"/>
      <c r="G77" s="171"/>
      <c r="H77" s="171"/>
      <c r="I77" s="171"/>
      <c r="J77" s="171"/>
      <c r="K77" s="171"/>
      <c r="L77" s="171"/>
      <c r="M77" s="171"/>
      <c r="N77" s="171"/>
      <c r="O77" s="171"/>
      <c r="P77" s="171"/>
      <c r="Q77" s="171"/>
      <c r="R77" s="171"/>
      <c r="S77" s="171"/>
      <c r="T77" s="171"/>
      <c r="U77" s="171"/>
      <c r="V77" s="171"/>
      <c r="W77" s="171"/>
      <c r="X77" s="171"/>
      <c r="Y77" s="171"/>
      <c r="Z77" s="89"/>
      <c r="AA77" s="90"/>
      <c r="AB77" s="90"/>
      <c r="AC77" s="90"/>
      <c r="AD77" s="90"/>
      <c r="AE77" s="90"/>
      <c r="AF77" s="90"/>
      <c r="AG77" s="90"/>
      <c r="AH77" s="90"/>
      <c r="AI77" s="90"/>
      <c r="AJ77" s="90"/>
      <c r="AK77" s="90"/>
      <c r="AL77" s="90"/>
      <c r="AM77" s="90"/>
      <c r="AN77" s="90"/>
      <c r="AO77" s="90"/>
      <c r="AP77" s="90"/>
      <c r="AQ77" s="90"/>
      <c r="AR77" s="90"/>
      <c r="AS77" s="90"/>
      <c r="AT77" s="90"/>
      <c r="AU77" s="90"/>
      <c r="AV77" s="90"/>
      <c r="AW77" s="90"/>
      <c r="AX77" s="90"/>
      <c r="AY77" s="90"/>
      <c r="AZ77" s="90"/>
      <c r="BA77" s="90"/>
      <c r="BB77" s="90"/>
      <c r="BC77" s="90"/>
      <c r="BD77" s="90"/>
      <c r="BE77" s="90"/>
      <c r="BF77" s="90"/>
      <c r="BG77" s="90"/>
      <c r="BH77" s="90"/>
      <c r="BI77" s="90"/>
      <c r="BJ77" s="90"/>
      <c r="BK77" s="90"/>
      <c r="BL77" s="91"/>
      <c r="BM77" s="96"/>
      <c r="BN77" s="77"/>
      <c r="BO77" s="77"/>
      <c r="BP77" s="77"/>
      <c r="BQ77" s="77"/>
      <c r="BR77" s="77"/>
      <c r="BS77" s="77"/>
      <c r="BT77" s="77"/>
      <c r="BU77" s="77"/>
      <c r="BV77" s="77"/>
      <c r="BW77" s="77"/>
      <c r="BX77" s="77"/>
      <c r="BY77" s="77"/>
      <c r="BZ77" s="77"/>
      <c r="CA77" s="77"/>
      <c r="CB77" s="77"/>
      <c r="CC77" s="77"/>
      <c r="CD77" s="77"/>
      <c r="CE77" s="77"/>
      <c r="CF77" s="77"/>
      <c r="CG77" s="77"/>
      <c r="CH77" s="77"/>
      <c r="CI77" s="77"/>
      <c r="CJ77" s="77"/>
      <c r="CK77" s="77"/>
      <c r="CL77" s="77"/>
      <c r="CM77" s="77"/>
      <c r="CN77" s="77"/>
      <c r="CO77" s="77"/>
      <c r="CP77" s="108"/>
      <c r="CQ77" s="101"/>
      <c r="CR77" s="102"/>
      <c r="CS77" s="102"/>
      <c r="CT77" s="102"/>
      <c r="CU77" s="102"/>
      <c r="CV77" s="102"/>
      <c r="CW77" s="102"/>
      <c r="CX77" s="102"/>
      <c r="CY77" s="102"/>
      <c r="CZ77" s="102"/>
      <c r="DA77" s="102"/>
      <c r="DB77" s="102"/>
      <c r="DC77" s="102"/>
      <c r="DD77" s="102"/>
      <c r="DE77" s="102"/>
      <c r="DF77" s="102"/>
      <c r="DG77" s="102"/>
      <c r="DH77" s="102"/>
      <c r="DI77" s="102"/>
      <c r="DJ77" s="102"/>
      <c r="DK77" s="103"/>
      <c r="DL77" s="89"/>
      <c r="DM77" s="90"/>
      <c r="DN77" s="90"/>
      <c r="DO77" s="90"/>
      <c r="DP77" s="90"/>
      <c r="DQ77" s="90"/>
      <c r="DR77" s="90"/>
      <c r="DS77" s="90"/>
      <c r="DT77" s="90"/>
      <c r="DU77" s="90"/>
      <c r="DV77" s="90"/>
      <c r="DW77" s="90"/>
      <c r="DX77" s="90"/>
      <c r="DY77" s="90"/>
      <c r="DZ77" s="91"/>
      <c r="EA77" s="56"/>
      <c r="EB77" s="56"/>
      <c r="EC77" s="56"/>
      <c r="ED77" s="195"/>
      <c r="EE77" s="195"/>
      <c r="EF77" s="195"/>
      <c r="EG77" s="195"/>
      <c r="EH77" s="195"/>
      <c r="EI77" s="195"/>
      <c r="EJ77" s="125"/>
      <c r="EK77" s="126"/>
      <c r="EL77" s="126"/>
      <c r="EM77" s="126"/>
      <c r="EN77" s="126"/>
      <c r="EO77" s="126"/>
      <c r="EP77" s="126"/>
      <c r="EQ77" s="126"/>
      <c r="ER77" s="126"/>
      <c r="ES77" s="126"/>
      <c r="ET77" s="126"/>
      <c r="EU77" s="126"/>
      <c r="EV77" s="126"/>
      <c r="EW77" s="126"/>
      <c r="EX77" s="126"/>
      <c r="EY77" s="127"/>
      <c r="EZ77" s="121"/>
      <c r="FA77" s="121"/>
      <c r="FB77" s="121"/>
      <c r="FC77" s="121"/>
      <c r="FD77" s="121"/>
      <c r="FE77" s="121"/>
      <c r="FF77" s="121"/>
      <c r="FG77" s="121"/>
      <c r="FH77" s="121"/>
      <c r="FI77" s="121"/>
      <c r="FJ77" s="121"/>
      <c r="FK77" s="121"/>
      <c r="FL77" s="121"/>
      <c r="FM77" s="121"/>
      <c r="FN77" s="121"/>
      <c r="FO77" s="121"/>
      <c r="FP77" s="121"/>
      <c r="FQ77" s="121"/>
      <c r="FR77" s="121"/>
      <c r="FS77" s="121"/>
      <c r="FT77" s="121"/>
      <c r="FU77" s="121"/>
      <c r="FV77" s="121"/>
      <c r="FW77" s="121"/>
      <c r="FX77" s="121"/>
      <c r="FY77" s="121"/>
      <c r="FZ77" s="121"/>
      <c r="GA77" s="125"/>
      <c r="GB77" s="126"/>
      <c r="GC77" s="126"/>
      <c r="GD77" s="126"/>
      <c r="GE77" s="126"/>
      <c r="GF77" s="126"/>
      <c r="GG77" s="126"/>
      <c r="GH77" s="126"/>
      <c r="GI77" s="126"/>
      <c r="GJ77" s="126"/>
      <c r="GK77" s="126"/>
      <c r="GL77" s="126"/>
      <c r="GM77" s="126"/>
      <c r="GN77" s="127"/>
      <c r="GO77" s="121"/>
      <c r="GP77" s="121"/>
      <c r="GQ77" s="121"/>
      <c r="GR77" s="121"/>
      <c r="GS77" s="121"/>
      <c r="GT77" s="121"/>
      <c r="GU77" s="121"/>
      <c r="GV77" s="121"/>
      <c r="GW77" s="121"/>
      <c r="GX77" s="121"/>
      <c r="GY77" s="121"/>
      <c r="GZ77" s="121"/>
      <c r="HA77" s="121"/>
      <c r="HB77" s="121"/>
      <c r="HC77" s="121"/>
      <c r="HD77" s="121"/>
      <c r="HE77" s="121"/>
      <c r="HF77" s="121"/>
      <c r="HG77" s="121"/>
      <c r="HH77" s="121"/>
      <c r="HI77" s="121"/>
      <c r="HJ77" s="121"/>
      <c r="HK77" s="121"/>
      <c r="HL77" s="121"/>
      <c r="HM77" s="121"/>
      <c r="HN77" s="121"/>
      <c r="HO77" s="121"/>
      <c r="HP77" s="121"/>
      <c r="HQ77" s="121"/>
    </row>
    <row r="78" spans="2:237" ht="6" customHeight="1">
      <c r="B78" s="171"/>
      <c r="C78" s="171"/>
      <c r="D78" s="171"/>
      <c r="E78" s="171"/>
      <c r="F78" s="171"/>
      <c r="G78" s="171"/>
      <c r="H78" s="171"/>
      <c r="I78" s="171"/>
      <c r="J78" s="171"/>
      <c r="K78" s="171"/>
      <c r="L78" s="171"/>
      <c r="M78" s="171"/>
      <c r="N78" s="171"/>
      <c r="O78" s="171"/>
      <c r="P78" s="171"/>
      <c r="Q78" s="171"/>
      <c r="R78" s="171"/>
      <c r="S78" s="171"/>
      <c r="T78" s="171"/>
      <c r="U78" s="171"/>
      <c r="V78" s="171"/>
      <c r="W78" s="171"/>
      <c r="X78" s="171"/>
      <c r="Y78" s="171"/>
      <c r="Z78" s="92"/>
      <c r="AA78" s="93"/>
      <c r="AB78" s="93"/>
      <c r="AC78" s="93"/>
      <c r="AD78" s="93"/>
      <c r="AE78" s="93"/>
      <c r="AF78" s="93"/>
      <c r="AG78" s="93"/>
      <c r="AH78" s="93"/>
      <c r="AI78" s="93"/>
      <c r="AJ78" s="93"/>
      <c r="AK78" s="93"/>
      <c r="AL78" s="93"/>
      <c r="AM78" s="93"/>
      <c r="AN78" s="93"/>
      <c r="AO78" s="93"/>
      <c r="AP78" s="93"/>
      <c r="AQ78" s="93"/>
      <c r="AR78" s="93"/>
      <c r="AS78" s="93"/>
      <c r="AT78" s="93"/>
      <c r="AU78" s="93"/>
      <c r="AV78" s="93"/>
      <c r="AW78" s="93"/>
      <c r="AX78" s="93"/>
      <c r="AY78" s="93"/>
      <c r="AZ78" s="93"/>
      <c r="BA78" s="93"/>
      <c r="BB78" s="93"/>
      <c r="BC78" s="93"/>
      <c r="BD78" s="93"/>
      <c r="BE78" s="93"/>
      <c r="BF78" s="93"/>
      <c r="BG78" s="93"/>
      <c r="BH78" s="93"/>
      <c r="BI78" s="93"/>
      <c r="BJ78" s="93"/>
      <c r="BK78" s="93"/>
      <c r="BL78" s="94"/>
      <c r="BM78" s="97"/>
      <c r="BN78" s="78"/>
      <c r="BO78" s="78"/>
      <c r="BP78" s="78"/>
      <c r="BQ78" s="78"/>
      <c r="BR78" s="78"/>
      <c r="BS78" s="78"/>
      <c r="BT78" s="78"/>
      <c r="BU78" s="78"/>
      <c r="BV78" s="78"/>
      <c r="BW78" s="78"/>
      <c r="BX78" s="78"/>
      <c r="BY78" s="78"/>
      <c r="BZ78" s="78"/>
      <c r="CA78" s="78"/>
      <c r="CB78" s="78"/>
      <c r="CC78" s="78"/>
      <c r="CD78" s="78"/>
      <c r="CE78" s="78"/>
      <c r="CF78" s="78"/>
      <c r="CG78" s="78"/>
      <c r="CH78" s="78"/>
      <c r="CI78" s="78"/>
      <c r="CJ78" s="78"/>
      <c r="CK78" s="78"/>
      <c r="CL78" s="78"/>
      <c r="CM78" s="78"/>
      <c r="CN78" s="78"/>
      <c r="CO78" s="78"/>
      <c r="CP78" s="109"/>
      <c r="CQ78" s="104"/>
      <c r="CR78" s="105"/>
      <c r="CS78" s="105"/>
      <c r="CT78" s="105"/>
      <c r="CU78" s="105"/>
      <c r="CV78" s="105"/>
      <c r="CW78" s="105"/>
      <c r="CX78" s="105"/>
      <c r="CY78" s="105"/>
      <c r="CZ78" s="105"/>
      <c r="DA78" s="105"/>
      <c r="DB78" s="105"/>
      <c r="DC78" s="105"/>
      <c r="DD78" s="105"/>
      <c r="DE78" s="105"/>
      <c r="DF78" s="105"/>
      <c r="DG78" s="105"/>
      <c r="DH78" s="105"/>
      <c r="DI78" s="105"/>
      <c r="DJ78" s="105"/>
      <c r="DK78" s="106"/>
      <c r="DL78" s="92"/>
      <c r="DM78" s="93"/>
      <c r="DN78" s="93"/>
      <c r="DO78" s="93"/>
      <c r="DP78" s="93"/>
      <c r="DQ78" s="93"/>
      <c r="DR78" s="93"/>
      <c r="DS78" s="93"/>
      <c r="DT78" s="93"/>
      <c r="DU78" s="93"/>
      <c r="DV78" s="93"/>
      <c r="DW78" s="93"/>
      <c r="DX78" s="93"/>
      <c r="DY78" s="93"/>
      <c r="DZ78" s="94"/>
      <c r="EA78" s="56"/>
      <c r="EB78" s="56"/>
      <c r="EC78" s="56"/>
      <c r="ED78" s="195"/>
      <c r="EE78" s="195"/>
      <c r="EF78" s="195"/>
      <c r="EG78" s="195"/>
      <c r="EH78" s="195"/>
      <c r="EI78" s="195"/>
      <c r="EJ78" s="125"/>
      <c r="EK78" s="126"/>
      <c r="EL78" s="126"/>
      <c r="EM78" s="126"/>
      <c r="EN78" s="126"/>
      <c r="EO78" s="126"/>
      <c r="EP78" s="126"/>
      <c r="EQ78" s="126"/>
      <c r="ER78" s="126"/>
      <c r="ES78" s="126"/>
      <c r="ET78" s="126"/>
      <c r="EU78" s="126"/>
      <c r="EV78" s="126"/>
      <c r="EW78" s="126"/>
      <c r="EX78" s="126"/>
      <c r="EY78" s="127"/>
      <c r="EZ78" s="121"/>
      <c r="FA78" s="121"/>
      <c r="FB78" s="121"/>
      <c r="FC78" s="121"/>
      <c r="FD78" s="121"/>
      <c r="FE78" s="121"/>
      <c r="FF78" s="121"/>
      <c r="FG78" s="121"/>
      <c r="FH78" s="121"/>
      <c r="FI78" s="121"/>
      <c r="FJ78" s="121"/>
      <c r="FK78" s="121"/>
      <c r="FL78" s="121"/>
      <c r="FM78" s="121"/>
      <c r="FN78" s="121"/>
      <c r="FO78" s="121"/>
      <c r="FP78" s="121"/>
      <c r="FQ78" s="121"/>
      <c r="FR78" s="121"/>
      <c r="FS78" s="121"/>
      <c r="FT78" s="121"/>
      <c r="FU78" s="121"/>
      <c r="FV78" s="121"/>
      <c r="FW78" s="121"/>
      <c r="FX78" s="121"/>
      <c r="FY78" s="121"/>
      <c r="FZ78" s="121"/>
      <c r="GA78" s="125"/>
      <c r="GB78" s="126"/>
      <c r="GC78" s="126"/>
      <c r="GD78" s="126"/>
      <c r="GE78" s="126"/>
      <c r="GF78" s="126"/>
      <c r="GG78" s="126"/>
      <c r="GH78" s="126"/>
      <c r="GI78" s="126"/>
      <c r="GJ78" s="126"/>
      <c r="GK78" s="126"/>
      <c r="GL78" s="126"/>
      <c r="GM78" s="126"/>
      <c r="GN78" s="127"/>
      <c r="GO78" s="121"/>
      <c r="GP78" s="121"/>
      <c r="GQ78" s="121"/>
      <c r="GR78" s="121"/>
      <c r="GS78" s="121"/>
      <c r="GT78" s="121"/>
      <c r="GU78" s="121"/>
      <c r="GV78" s="121"/>
      <c r="GW78" s="121"/>
      <c r="GX78" s="121"/>
      <c r="GY78" s="121"/>
      <c r="GZ78" s="121"/>
      <c r="HA78" s="121"/>
      <c r="HB78" s="121"/>
      <c r="HC78" s="121"/>
      <c r="HD78" s="121"/>
      <c r="HE78" s="121"/>
      <c r="HF78" s="121"/>
      <c r="HG78" s="121"/>
      <c r="HH78" s="121"/>
      <c r="HI78" s="121"/>
      <c r="HJ78" s="121"/>
      <c r="HK78" s="121"/>
      <c r="HL78" s="121"/>
      <c r="HM78" s="121"/>
      <c r="HN78" s="121"/>
      <c r="HO78" s="121"/>
      <c r="HP78" s="121"/>
      <c r="HQ78" s="121"/>
      <c r="HR78" s="69"/>
      <c r="HS78" s="69"/>
      <c r="HT78" s="69"/>
      <c r="HU78" s="69"/>
      <c r="HV78" s="69"/>
      <c r="HW78" s="69"/>
      <c r="HX78" s="69"/>
      <c r="HY78" s="69"/>
      <c r="HZ78" s="69"/>
      <c r="IA78" s="69"/>
      <c r="IB78" s="69"/>
      <c r="IC78" s="69"/>
    </row>
    <row r="79" spans="2:237" ht="6" customHeight="1">
      <c r="B79" s="171" t="s">
        <v>52</v>
      </c>
      <c r="C79" s="171"/>
      <c r="D79" s="171"/>
      <c r="E79" s="171"/>
      <c r="F79" s="171"/>
      <c r="G79" s="171"/>
      <c r="H79" s="171" t="s">
        <v>53</v>
      </c>
      <c r="I79" s="171"/>
      <c r="J79" s="171"/>
      <c r="K79" s="171"/>
      <c r="L79" s="171"/>
      <c r="M79" s="171"/>
      <c r="N79" s="171" t="s">
        <v>54</v>
      </c>
      <c r="O79" s="171"/>
      <c r="P79" s="171"/>
      <c r="Q79" s="171"/>
      <c r="R79" s="171"/>
      <c r="S79" s="171"/>
      <c r="T79" s="171" t="s">
        <v>55</v>
      </c>
      <c r="U79" s="171"/>
      <c r="V79" s="171"/>
      <c r="W79" s="171"/>
      <c r="X79" s="171"/>
      <c r="Y79" s="171"/>
      <c r="Z79" s="86"/>
      <c r="AA79" s="87"/>
      <c r="AB79" s="87"/>
      <c r="AC79" s="87"/>
      <c r="AD79" s="87"/>
      <c r="AE79" s="87"/>
      <c r="AF79" s="87"/>
      <c r="AG79" s="87"/>
      <c r="AH79" s="87"/>
      <c r="AI79" s="87"/>
      <c r="AJ79" s="87"/>
      <c r="AK79" s="87"/>
      <c r="AL79" s="87"/>
      <c r="AM79" s="87"/>
      <c r="AN79" s="87"/>
      <c r="AO79" s="87"/>
      <c r="AP79" s="87"/>
      <c r="AQ79" s="87"/>
      <c r="AR79" s="87"/>
      <c r="AS79" s="87"/>
      <c r="AT79" s="87"/>
      <c r="AU79" s="87"/>
      <c r="AV79" s="87"/>
      <c r="AW79" s="87"/>
      <c r="AX79" s="87"/>
      <c r="AY79" s="87"/>
      <c r="AZ79" s="87"/>
      <c r="BA79" s="87"/>
      <c r="BB79" s="87"/>
      <c r="BC79" s="87"/>
      <c r="BD79" s="87"/>
      <c r="BE79" s="87"/>
      <c r="BF79" s="87"/>
      <c r="BG79" s="87"/>
      <c r="BH79" s="87"/>
      <c r="BI79" s="87"/>
      <c r="BJ79" s="87"/>
      <c r="BK79" s="87"/>
      <c r="BL79" s="88"/>
      <c r="BM79" s="95"/>
      <c r="BN79" s="76"/>
      <c r="BO79" s="76"/>
      <c r="BP79" s="76"/>
      <c r="BQ79" s="76"/>
      <c r="BR79" s="76"/>
      <c r="BS79" s="76"/>
      <c r="BT79" s="76"/>
      <c r="BU79" s="76"/>
      <c r="BV79" s="76"/>
      <c r="BW79" s="76"/>
      <c r="BX79" s="76"/>
      <c r="BY79" s="76"/>
      <c r="BZ79" s="76"/>
      <c r="CA79" s="76"/>
      <c r="CB79" s="76"/>
      <c r="CC79" s="76"/>
      <c r="CD79" s="76"/>
      <c r="CE79" s="76"/>
      <c r="CF79" s="76"/>
      <c r="CG79" s="76"/>
      <c r="CH79" s="76"/>
      <c r="CI79" s="76"/>
      <c r="CJ79" s="76"/>
      <c r="CK79" s="76"/>
      <c r="CL79" s="76"/>
      <c r="CM79" s="76"/>
      <c r="CN79" s="76"/>
      <c r="CO79" s="76"/>
      <c r="CP79" s="107"/>
      <c r="CQ79" s="98"/>
      <c r="CR79" s="99"/>
      <c r="CS79" s="99"/>
      <c r="CT79" s="99"/>
      <c r="CU79" s="99"/>
      <c r="CV79" s="99"/>
      <c r="CW79" s="99"/>
      <c r="CX79" s="99"/>
      <c r="CY79" s="99"/>
      <c r="CZ79" s="99"/>
      <c r="DA79" s="99"/>
      <c r="DB79" s="99"/>
      <c r="DC79" s="99"/>
      <c r="DD79" s="99"/>
      <c r="DE79" s="99"/>
      <c r="DF79" s="99"/>
      <c r="DG79" s="99"/>
      <c r="DH79" s="99"/>
      <c r="DI79" s="99"/>
      <c r="DJ79" s="99"/>
      <c r="DK79" s="100"/>
      <c r="DL79" s="86"/>
      <c r="DM79" s="87"/>
      <c r="DN79" s="87"/>
      <c r="DO79" s="87"/>
      <c r="DP79" s="87"/>
      <c r="DQ79" s="87"/>
      <c r="DR79" s="87"/>
      <c r="DS79" s="87"/>
      <c r="DT79" s="87"/>
      <c r="DU79" s="87"/>
      <c r="DV79" s="87"/>
      <c r="DW79" s="87"/>
      <c r="DX79" s="87"/>
      <c r="DY79" s="87"/>
      <c r="DZ79" s="88"/>
      <c r="EA79" s="56"/>
      <c r="EB79" s="56"/>
      <c r="EC79" s="56"/>
      <c r="ED79" s="195"/>
      <c r="EE79" s="195"/>
      <c r="EF79" s="195"/>
      <c r="EG79" s="195"/>
      <c r="EH79" s="195"/>
      <c r="EI79" s="195"/>
      <c r="EJ79" s="128"/>
      <c r="EK79" s="129"/>
      <c r="EL79" s="129"/>
      <c r="EM79" s="129"/>
      <c r="EN79" s="129"/>
      <c r="EO79" s="129"/>
      <c r="EP79" s="129"/>
      <c r="EQ79" s="129"/>
      <c r="ER79" s="129"/>
      <c r="ES79" s="129"/>
      <c r="ET79" s="129"/>
      <c r="EU79" s="129"/>
      <c r="EV79" s="129"/>
      <c r="EW79" s="129"/>
      <c r="EX79" s="129"/>
      <c r="EY79" s="130"/>
      <c r="EZ79" s="121"/>
      <c r="FA79" s="121"/>
      <c r="FB79" s="121"/>
      <c r="FC79" s="121"/>
      <c r="FD79" s="121"/>
      <c r="FE79" s="121"/>
      <c r="FF79" s="121"/>
      <c r="FG79" s="121"/>
      <c r="FH79" s="121"/>
      <c r="FI79" s="121"/>
      <c r="FJ79" s="121"/>
      <c r="FK79" s="121"/>
      <c r="FL79" s="121"/>
      <c r="FM79" s="121"/>
      <c r="FN79" s="121"/>
      <c r="FO79" s="121"/>
      <c r="FP79" s="121"/>
      <c r="FQ79" s="121"/>
      <c r="FR79" s="121"/>
      <c r="FS79" s="121"/>
      <c r="FT79" s="121"/>
      <c r="FU79" s="121"/>
      <c r="FV79" s="121"/>
      <c r="FW79" s="121"/>
      <c r="FX79" s="121"/>
      <c r="FY79" s="121"/>
      <c r="FZ79" s="121"/>
      <c r="GA79" s="128"/>
      <c r="GB79" s="129"/>
      <c r="GC79" s="129"/>
      <c r="GD79" s="129"/>
      <c r="GE79" s="129"/>
      <c r="GF79" s="129"/>
      <c r="GG79" s="129"/>
      <c r="GH79" s="129"/>
      <c r="GI79" s="129"/>
      <c r="GJ79" s="129"/>
      <c r="GK79" s="129"/>
      <c r="GL79" s="129"/>
      <c r="GM79" s="129"/>
      <c r="GN79" s="130"/>
      <c r="GO79" s="121"/>
      <c r="GP79" s="121"/>
      <c r="GQ79" s="121"/>
      <c r="GR79" s="121"/>
      <c r="GS79" s="121"/>
      <c r="GT79" s="121"/>
      <c r="GU79" s="121"/>
      <c r="GV79" s="121"/>
      <c r="GW79" s="121"/>
      <c r="GX79" s="121"/>
      <c r="GY79" s="121"/>
      <c r="GZ79" s="121"/>
      <c r="HA79" s="121"/>
      <c r="HB79" s="121"/>
      <c r="HC79" s="121"/>
      <c r="HD79" s="121"/>
      <c r="HE79" s="121"/>
      <c r="HF79" s="121"/>
      <c r="HG79" s="121"/>
      <c r="HH79" s="121"/>
      <c r="HI79" s="121"/>
      <c r="HJ79" s="121"/>
      <c r="HK79" s="121"/>
      <c r="HL79" s="121"/>
      <c r="HM79" s="121"/>
      <c r="HN79" s="121"/>
      <c r="HO79" s="121"/>
      <c r="HP79" s="121"/>
      <c r="HQ79" s="121"/>
      <c r="HR79" s="69"/>
      <c r="HS79" s="69"/>
      <c r="HT79" s="69"/>
      <c r="HU79" s="69"/>
      <c r="HV79" s="69"/>
      <c r="HW79" s="69"/>
      <c r="HX79" s="69"/>
      <c r="HY79" s="69"/>
      <c r="HZ79" s="69"/>
      <c r="IA79" s="69"/>
      <c r="IB79" s="69"/>
      <c r="IC79" s="69"/>
    </row>
    <row r="80" spans="2:237" ht="6" customHeight="1">
      <c r="B80" s="171"/>
      <c r="C80" s="171"/>
      <c r="D80" s="171"/>
      <c r="E80" s="171"/>
      <c r="F80" s="171"/>
      <c r="G80" s="171"/>
      <c r="H80" s="171"/>
      <c r="I80" s="171"/>
      <c r="J80" s="171"/>
      <c r="K80" s="171"/>
      <c r="L80" s="171"/>
      <c r="M80" s="171"/>
      <c r="N80" s="171"/>
      <c r="O80" s="171"/>
      <c r="P80" s="171"/>
      <c r="Q80" s="171"/>
      <c r="R80" s="171"/>
      <c r="S80" s="171"/>
      <c r="T80" s="171"/>
      <c r="U80" s="171"/>
      <c r="V80" s="171"/>
      <c r="W80" s="171"/>
      <c r="X80" s="171"/>
      <c r="Y80" s="171"/>
      <c r="Z80" s="89"/>
      <c r="AA80" s="90"/>
      <c r="AB80" s="90"/>
      <c r="AC80" s="90"/>
      <c r="AD80" s="90"/>
      <c r="AE80" s="90"/>
      <c r="AF80" s="90"/>
      <c r="AG80" s="90"/>
      <c r="AH80" s="90"/>
      <c r="AI80" s="90"/>
      <c r="AJ80" s="90"/>
      <c r="AK80" s="90"/>
      <c r="AL80" s="90"/>
      <c r="AM80" s="90"/>
      <c r="AN80" s="90"/>
      <c r="AO80" s="90"/>
      <c r="AP80" s="90"/>
      <c r="AQ80" s="90"/>
      <c r="AR80" s="90"/>
      <c r="AS80" s="90"/>
      <c r="AT80" s="90"/>
      <c r="AU80" s="90"/>
      <c r="AV80" s="90"/>
      <c r="AW80" s="90"/>
      <c r="AX80" s="90"/>
      <c r="AY80" s="90"/>
      <c r="AZ80" s="90"/>
      <c r="BA80" s="90"/>
      <c r="BB80" s="90"/>
      <c r="BC80" s="90"/>
      <c r="BD80" s="90"/>
      <c r="BE80" s="90"/>
      <c r="BF80" s="90"/>
      <c r="BG80" s="90"/>
      <c r="BH80" s="90"/>
      <c r="BI80" s="90"/>
      <c r="BJ80" s="90"/>
      <c r="BK80" s="90"/>
      <c r="BL80" s="91"/>
      <c r="BM80" s="96"/>
      <c r="BN80" s="77"/>
      <c r="BO80" s="77"/>
      <c r="BP80" s="77"/>
      <c r="BQ80" s="77"/>
      <c r="BR80" s="77"/>
      <c r="BS80" s="77"/>
      <c r="BT80" s="77"/>
      <c r="BU80" s="77"/>
      <c r="BV80" s="77"/>
      <c r="BW80" s="77"/>
      <c r="BX80" s="77"/>
      <c r="BY80" s="77"/>
      <c r="BZ80" s="77"/>
      <c r="CA80" s="77"/>
      <c r="CB80" s="77"/>
      <c r="CC80" s="77"/>
      <c r="CD80" s="77"/>
      <c r="CE80" s="77"/>
      <c r="CF80" s="77"/>
      <c r="CG80" s="77"/>
      <c r="CH80" s="77"/>
      <c r="CI80" s="77"/>
      <c r="CJ80" s="77"/>
      <c r="CK80" s="77"/>
      <c r="CL80" s="77"/>
      <c r="CM80" s="77"/>
      <c r="CN80" s="77"/>
      <c r="CO80" s="77"/>
      <c r="CP80" s="108"/>
      <c r="CQ80" s="101"/>
      <c r="CR80" s="102"/>
      <c r="CS80" s="102"/>
      <c r="CT80" s="102"/>
      <c r="CU80" s="102"/>
      <c r="CV80" s="102"/>
      <c r="CW80" s="102"/>
      <c r="CX80" s="102"/>
      <c r="CY80" s="102"/>
      <c r="CZ80" s="102"/>
      <c r="DA80" s="102"/>
      <c r="DB80" s="102"/>
      <c r="DC80" s="102"/>
      <c r="DD80" s="102"/>
      <c r="DE80" s="102"/>
      <c r="DF80" s="102"/>
      <c r="DG80" s="102"/>
      <c r="DH80" s="102"/>
      <c r="DI80" s="102"/>
      <c r="DJ80" s="102"/>
      <c r="DK80" s="103"/>
      <c r="DL80" s="89"/>
      <c r="DM80" s="90"/>
      <c r="DN80" s="90"/>
      <c r="DO80" s="90"/>
      <c r="DP80" s="90"/>
      <c r="DQ80" s="90"/>
      <c r="DR80" s="90"/>
      <c r="DS80" s="90"/>
      <c r="DT80" s="90"/>
      <c r="DU80" s="90"/>
      <c r="DV80" s="90"/>
      <c r="DW80" s="90"/>
      <c r="DX80" s="90"/>
      <c r="DY80" s="90"/>
      <c r="DZ80" s="91"/>
      <c r="EA80" s="56"/>
      <c r="EB80" s="56"/>
      <c r="EC80" s="56"/>
      <c r="ED80" s="195"/>
      <c r="EE80" s="195"/>
      <c r="EF80" s="195"/>
      <c r="EG80" s="195"/>
      <c r="EH80" s="195"/>
      <c r="EI80" s="195"/>
      <c r="EJ80" s="122" t="s">
        <v>98</v>
      </c>
      <c r="EK80" s="123"/>
      <c r="EL80" s="123"/>
      <c r="EM80" s="123"/>
      <c r="EN80" s="123"/>
      <c r="EO80" s="123"/>
      <c r="EP80" s="123"/>
      <c r="EQ80" s="123"/>
      <c r="ER80" s="123"/>
      <c r="ES80" s="123"/>
      <c r="ET80" s="123"/>
      <c r="EU80" s="123"/>
      <c r="EV80" s="123"/>
      <c r="EW80" s="123"/>
      <c r="EX80" s="123"/>
      <c r="EY80" s="124"/>
      <c r="EZ80" s="121"/>
      <c r="FA80" s="121"/>
      <c r="FB80" s="121"/>
      <c r="FC80" s="121"/>
      <c r="FD80" s="121"/>
      <c r="FE80" s="121"/>
      <c r="FF80" s="121"/>
      <c r="FG80" s="121"/>
      <c r="FH80" s="121"/>
      <c r="FI80" s="121"/>
      <c r="FJ80" s="121"/>
      <c r="FK80" s="121"/>
      <c r="FL80" s="121"/>
      <c r="FM80" s="121"/>
      <c r="FN80" s="121"/>
      <c r="FO80" s="121"/>
      <c r="FP80" s="121"/>
      <c r="FQ80" s="121"/>
      <c r="FR80" s="121"/>
      <c r="FS80" s="121"/>
      <c r="FT80" s="121"/>
      <c r="FU80" s="121"/>
      <c r="FV80" s="121"/>
      <c r="FW80" s="121"/>
      <c r="FX80" s="121"/>
      <c r="FY80" s="121"/>
      <c r="FZ80" s="121"/>
      <c r="GA80" s="120" t="s">
        <v>96</v>
      </c>
      <c r="GB80" s="120"/>
      <c r="GC80" s="120"/>
      <c r="GD80" s="120"/>
      <c r="GE80" s="120"/>
      <c r="GF80" s="120"/>
      <c r="GG80" s="120"/>
      <c r="GH80" s="120"/>
      <c r="GI80" s="120"/>
      <c r="GJ80" s="120"/>
      <c r="GK80" s="120"/>
      <c r="GL80" s="120"/>
      <c r="GM80" s="120"/>
      <c r="GN80" s="120"/>
      <c r="GO80" s="121">
        <f>GO72+GO76</f>
        <v>0</v>
      </c>
      <c r="GP80" s="121"/>
      <c r="GQ80" s="121"/>
      <c r="GR80" s="121"/>
      <c r="GS80" s="121"/>
      <c r="GT80" s="121"/>
      <c r="GU80" s="121"/>
      <c r="GV80" s="121"/>
      <c r="GW80" s="121"/>
      <c r="GX80" s="121"/>
      <c r="GY80" s="121"/>
      <c r="GZ80" s="121"/>
      <c r="HA80" s="121"/>
      <c r="HB80" s="121"/>
      <c r="HC80" s="121"/>
      <c r="HD80" s="121"/>
      <c r="HE80" s="121"/>
      <c r="HF80" s="121"/>
      <c r="HG80" s="121"/>
      <c r="HH80" s="121"/>
      <c r="HI80" s="121"/>
      <c r="HJ80" s="121"/>
      <c r="HK80" s="121"/>
      <c r="HL80" s="121"/>
      <c r="HM80" s="121"/>
      <c r="HN80" s="121"/>
      <c r="HO80" s="121"/>
      <c r="HP80" s="121"/>
      <c r="HQ80" s="121"/>
      <c r="HR80" s="56"/>
      <c r="HS80" s="56"/>
      <c r="HT80" s="56"/>
      <c r="HU80" s="56"/>
      <c r="HV80" s="56"/>
      <c r="HW80" s="56"/>
      <c r="HX80" s="56"/>
      <c r="HY80" s="56"/>
      <c r="HZ80" s="56"/>
      <c r="IA80" s="56"/>
      <c r="IB80" s="56"/>
      <c r="IC80" s="56"/>
    </row>
    <row r="81" spans="2:237" ht="6" customHeight="1">
      <c r="B81" s="171"/>
      <c r="C81" s="171"/>
      <c r="D81" s="171"/>
      <c r="E81" s="171"/>
      <c r="F81" s="171"/>
      <c r="G81" s="171"/>
      <c r="H81" s="171"/>
      <c r="I81" s="171"/>
      <c r="J81" s="171"/>
      <c r="K81" s="171"/>
      <c r="L81" s="171"/>
      <c r="M81" s="171"/>
      <c r="N81" s="171"/>
      <c r="O81" s="171"/>
      <c r="P81" s="171"/>
      <c r="Q81" s="171"/>
      <c r="R81" s="171"/>
      <c r="S81" s="171"/>
      <c r="T81" s="171"/>
      <c r="U81" s="171"/>
      <c r="V81" s="171"/>
      <c r="W81" s="171"/>
      <c r="X81" s="171"/>
      <c r="Y81" s="171"/>
      <c r="Z81" s="89"/>
      <c r="AA81" s="90"/>
      <c r="AB81" s="90"/>
      <c r="AC81" s="90"/>
      <c r="AD81" s="90"/>
      <c r="AE81" s="90"/>
      <c r="AF81" s="90"/>
      <c r="AG81" s="90"/>
      <c r="AH81" s="90"/>
      <c r="AI81" s="90"/>
      <c r="AJ81" s="90"/>
      <c r="AK81" s="90"/>
      <c r="AL81" s="90"/>
      <c r="AM81" s="90"/>
      <c r="AN81" s="90"/>
      <c r="AO81" s="90"/>
      <c r="AP81" s="90"/>
      <c r="AQ81" s="90"/>
      <c r="AR81" s="90"/>
      <c r="AS81" s="90"/>
      <c r="AT81" s="90"/>
      <c r="AU81" s="90"/>
      <c r="AV81" s="90"/>
      <c r="AW81" s="90"/>
      <c r="AX81" s="90"/>
      <c r="AY81" s="90"/>
      <c r="AZ81" s="90"/>
      <c r="BA81" s="90"/>
      <c r="BB81" s="90"/>
      <c r="BC81" s="90"/>
      <c r="BD81" s="90"/>
      <c r="BE81" s="90"/>
      <c r="BF81" s="90"/>
      <c r="BG81" s="90"/>
      <c r="BH81" s="90"/>
      <c r="BI81" s="90"/>
      <c r="BJ81" s="90"/>
      <c r="BK81" s="90"/>
      <c r="BL81" s="91"/>
      <c r="BM81" s="96"/>
      <c r="BN81" s="77"/>
      <c r="BO81" s="77"/>
      <c r="BP81" s="77"/>
      <c r="BQ81" s="77"/>
      <c r="BR81" s="77"/>
      <c r="BS81" s="77"/>
      <c r="BT81" s="77"/>
      <c r="BU81" s="77"/>
      <c r="BV81" s="77"/>
      <c r="BW81" s="77"/>
      <c r="BX81" s="77"/>
      <c r="BY81" s="77"/>
      <c r="BZ81" s="77"/>
      <c r="CA81" s="77"/>
      <c r="CB81" s="77"/>
      <c r="CC81" s="77"/>
      <c r="CD81" s="77"/>
      <c r="CE81" s="77"/>
      <c r="CF81" s="77"/>
      <c r="CG81" s="77"/>
      <c r="CH81" s="77"/>
      <c r="CI81" s="77"/>
      <c r="CJ81" s="77"/>
      <c r="CK81" s="77"/>
      <c r="CL81" s="77"/>
      <c r="CM81" s="77"/>
      <c r="CN81" s="77"/>
      <c r="CO81" s="77"/>
      <c r="CP81" s="108"/>
      <c r="CQ81" s="101"/>
      <c r="CR81" s="102"/>
      <c r="CS81" s="102"/>
      <c r="CT81" s="102"/>
      <c r="CU81" s="102"/>
      <c r="CV81" s="102"/>
      <c r="CW81" s="102"/>
      <c r="CX81" s="102"/>
      <c r="CY81" s="102"/>
      <c r="CZ81" s="102"/>
      <c r="DA81" s="102"/>
      <c r="DB81" s="102"/>
      <c r="DC81" s="102"/>
      <c r="DD81" s="102"/>
      <c r="DE81" s="102"/>
      <c r="DF81" s="102"/>
      <c r="DG81" s="102"/>
      <c r="DH81" s="102"/>
      <c r="DI81" s="102"/>
      <c r="DJ81" s="102"/>
      <c r="DK81" s="103"/>
      <c r="DL81" s="89"/>
      <c r="DM81" s="90"/>
      <c r="DN81" s="90"/>
      <c r="DO81" s="90"/>
      <c r="DP81" s="90"/>
      <c r="DQ81" s="90"/>
      <c r="DR81" s="90"/>
      <c r="DS81" s="90"/>
      <c r="DT81" s="90"/>
      <c r="DU81" s="90"/>
      <c r="DV81" s="90"/>
      <c r="DW81" s="90"/>
      <c r="DX81" s="90"/>
      <c r="DY81" s="90"/>
      <c r="DZ81" s="91"/>
      <c r="EA81" s="56"/>
      <c r="EB81" s="56"/>
      <c r="EC81" s="56"/>
      <c r="ED81" s="195"/>
      <c r="EE81" s="195"/>
      <c r="EF81" s="195"/>
      <c r="EG81" s="195"/>
      <c r="EH81" s="195"/>
      <c r="EI81" s="195"/>
      <c r="EJ81" s="125"/>
      <c r="EK81" s="126"/>
      <c r="EL81" s="126"/>
      <c r="EM81" s="126"/>
      <c r="EN81" s="126"/>
      <c r="EO81" s="126"/>
      <c r="EP81" s="126"/>
      <c r="EQ81" s="126"/>
      <c r="ER81" s="126"/>
      <c r="ES81" s="126"/>
      <c r="ET81" s="126"/>
      <c r="EU81" s="126"/>
      <c r="EV81" s="126"/>
      <c r="EW81" s="126"/>
      <c r="EX81" s="126"/>
      <c r="EY81" s="127"/>
      <c r="EZ81" s="121"/>
      <c r="FA81" s="121"/>
      <c r="FB81" s="121"/>
      <c r="FC81" s="121"/>
      <c r="FD81" s="121"/>
      <c r="FE81" s="121"/>
      <c r="FF81" s="121"/>
      <c r="FG81" s="121"/>
      <c r="FH81" s="121"/>
      <c r="FI81" s="121"/>
      <c r="FJ81" s="121"/>
      <c r="FK81" s="121"/>
      <c r="FL81" s="121"/>
      <c r="FM81" s="121"/>
      <c r="FN81" s="121"/>
      <c r="FO81" s="121"/>
      <c r="FP81" s="121"/>
      <c r="FQ81" s="121"/>
      <c r="FR81" s="121"/>
      <c r="FS81" s="121"/>
      <c r="FT81" s="121"/>
      <c r="FU81" s="121"/>
      <c r="FV81" s="121"/>
      <c r="FW81" s="121"/>
      <c r="FX81" s="121"/>
      <c r="FY81" s="121"/>
      <c r="FZ81" s="121"/>
      <c r="GA81" s="120"/>
      <c r="GB81" s="120"/>
      <c r="GC81" s="120"/>
      <c r="GD81" s="120"/>
      <c r="GE81" s="120"/>
      <c r="GF81" s="120"/>
      <c r="GG81" s="120"/>
      <c r="GH81" s="120"/>
      <c r="GI81" s="120"/>
      <c r="GJ81" s="120"/>
      <c r="GK81" s="120"/>
      <c r="GL81" s="120"/>
      <c r="GM81" s="120"/>
      <c r="GN81" s="120"/>
      <c r="GO81" s="121"/>
      <c r="GP81" s="121"/>
      <c r="GQ81" s="121"/>
      <c r="GR81" s="121"/>
      <c r="GS81" s="121"/>
      <c r="GT81" s="121"/>
      <c r="GU81" s="121"/>
      <c r="GV81" s="121"/>
      <c r="GW81" s="121"/>
      <c r="GX81" s="121"/>
      <c r="GY81" s="121"/>
      <c r="GZ81" s="121"/>
      <c r="HA81" s="121"/>
      <c r="HB81" s="121"/>
      <c r="HC81" s="121"/>
      <c r="HD81" s="121"/>
      <c r="HE81" s="121"/>
      <c r="HF81" s="121"/>
      <c r="HG81" s="121"/>
      <c r="HH81" s="121"/>
      <c r="HI81" s="121"/>
      <c r="HJ81" s="121"/>
      <c r="HK81" s="121"/>
      <c r="HL81" s="121"/>
      <c r="HM81" s="121"/>
      <c r="HN81" s="121"/>
      <c r="HO81" s="121"/>
      <c r="HP81" s="121"/>
      <c r="HQ81" s="121"/>
      <c r="HR81" s="56"/>
      <c r="HS81" s="56"/>
      <c r="HT81" s="56"/>
      <c r="HU81" s="56"/>
      <c r="HV81" s="56"/>
      <c r="HW81" s="56"/>
      <c r="HX81" s="56"/>
      <c r="HY81" s="56"/>
      <c r="HZ81" s="56"/>
      <c r="IA81" s="56"/>
      <c r="IB81" s="56"/>
      <c r="IC81" s="56"/>
    </row>
    <row r="82" spans="2:237" ht="6" customHeight="1">
      <c r="B82" s="171"/>
      <c r="C82" s="171"/>
      <c r="D82" s="171"/>
      <c r="E82" s="171"/>
      <c r="F82" s="171"/>
      <c r="G82" s="171"/>
      <c r="H82" s="171"/>
      <c r="I82" s="171"/>
      <c r="J82" s="171"/>
      <c r="K82" s="171"/>
      <c r="L82" s="171"/>
      <c r="M82" s="171"/>
      <c r="N82" s="171"/>
      <c r="O82" s="171"/>
      <c r="P82" s="171"/>
      <c r="Q82" s="171"/>
      <c r="R82" s="171"/>
      <c r="S82" s="171"/>
      <c r="T82" s="171"/>
      <c r="U82" s="171"/>
      <c r="V82" s="171"/>
      <c r="W82" s="171"/>
      <c r="X82" s="171"/>
      <c r="Y82" s="171"/>
      <c r="Z82" s="92"/>
      <c r="AA82" s="93"/>
      <c r="AB82" s="93"/>
      <c r="AC82" s="93"/>
      <c r="AD82" s="93"/>
      <c r="AE82" s="93"/>
      <c r="AF82" s="93"/>
      <c r="AG82" s="93"/>
      <c r="AH82" s="93"/>
      <c r="AI82" s="93"/>
      <c r="AJ82" s="93"/>
      <c r="AK82" s="93"/>
      <c r="AL82" s="93"/>
      <c r="AM82" s="93"/>
      <c r="AN82" s="93"/>
      <c r="AO82" s="93"/>
      <c r="AP82" s="93"/>
      <c r="AQ82" s="93"/>
      <c r="AR82" s="93"/>
      <c r="AS82" s="93"/>
      <c r="AT82" s="93"/>
      <c r="AU82" s="93"/>
      <c r="AV82" s="93"/>
      <c r="AW82" s="93"/>
      <c r="AX82" s="93"/>
      <c r="AY82" s="93"/>
      <c r="AZ82" s="93"/>
      <c r="BA82" s="93"/>
      <c r="BB82" s="93"/>
      <c r="BC82" s="93"/>
      <c r="BD82" s="93"/>
      <c r="BE82" s="93"/>
      <c r="BF82" s="93"/>
      <c r="BG82" s="93"/>
      <c r="BH82" s="93"/>
      <c r="BI82" s="93"/>
      <c r="BJ82" s="93"/>
      <c r="BK82" s="93"/>
      <c r="BL82" s="94"/>
      <c r="BM82" s="97"/>
      <c r="BN82" s="78"/>
      <c r="BO82" s="78"/>
      <c r="BP82" s="78"/>
      <c r="BQ82" s="78"/>
      <c r="BR82" s="78"/>
      <c r="BS82" s="78"/>
      <c r="BT82" s="78"/>
      <c r="BU82" s="78"/>
      <c r="BV82" s="78"/>
      <c r="BW82" s="78"/>
      <c r="BX82" s="78"/>
      <c r="BY82" s="78"/>
      <c r="BZ82" s="78"/>
      <c r="CA82" s="78"/>
      <c r="CB82" s="78"/>
      <c r="CC82" s="78"/>
      <c r="CD82" s="78"/>
      <c r="CE82" s="78"/>
      <c r="CF82" s="78"/>
      <c r="CG82" s="78"/>
      <c r="CH82" s="78"/>
      <c r="CI82" s="78"/>
      <c r="CJ82" s="78"/>
      <c r="CK82" s="78"/>
      <c r="CL82" s="78"/>
      <c r="CM82" s="78"/>
      <c r="CN82" s="78"/>
      <c r="CO82" s="78"/>
      <c r="CP82" s="109"/>
      <c r="CQ82" s="104"/>
      <c r="CR82" s="105"/>
      <c r="CS82" s="105"/>
      <c r="CT82" s="105"/>
      <c r="CU82" s="105"/>
      <c r="CV82" s="105"/>
      <c r="CW82" s="105"/>
      <c r="CX82" s="105"/>
      <c r="CY82" s="105"/>
      <c r="CZ82" s="105"/>
      <c r="DA82" s="105"/>
      <c r="DB82" s="105"/>
      <c r="DC82" s="105"/>
      <c r="DD82" s="105"/>
      <c r="DE82" s="105"/>
      <c r="DF82" s="105"/>
      <c r="DG82" s="105"/>
      <c r="DH82" s="105"/>
      <c r="DI82" s="105"/>
      <c r="DJ82" s="105"/>
      <c r="DK82" s="106"/>
      <c r="DL82" s="92"/>
      <c r="DM82" s="93"/>
      <c r="DN82" s="93"/>
      <c r="DO82" s="93"/>
      <c r="DP82" s="93"/>
      <c r="DQ82" s="93"/>
      <c r="DR82" s="93"/>
      <c r="DS82" s="93"/>
      <c r="DT82" s="93"/>
      <c r="DU82" s="93"/>
      <c r="DV82" s="93"/>
      <c r="DW82" s="93"/>
      <c r="DX82" s="93"/>
      <c r="DY82" s="93"/>
      <c r="DZ82" s="94"/>
      <c r="EA82" s="56"/>
      <c r="EB82" s="56"/>
      <c r="EC82" s="56"/>
      <c r="ED82" s="195"/>
      <c r="EE82" s="195"/>
      <c r="EF82" s="195"/>
      <c r="EG82" s="195"/>
      <c r="EH82" s="195"/>
      <c r="EI82" s="195"/>
      <c r="EJ82" s="125"/>
      <c r="EK82" s="126"/>
      <c r="EL82" s="126"/>
      <c r="EM82" s="126"/>
      <c r="EN82" s="126"/>
      <c r="EO82" s="126"/>
      <c r="EP82" s="126"/>
      <c r="EQ82" s="126"/>
      <c r="ER82" s="126"/>
      <c r="ES82" s="126"/>
      <c r="ET82" s="126"/>
      <c r="EU82" s="126"/>
      <c r="EV82" s="126"/>
      <c r="EW82" s="126"/>
      <c r="EX82" s="126"/>
      <c r="EY82" s="127"/>
      <c r="EZ82" s="121"/>
      <c r="FA82" s="121"/>
      <c r="FB82" s="121"/>
      <c r="FC82" s="121"/>
      <c r="FD82" s="121"/>
      <c r="FE82" s="121"/>
      <c r="FF82" s="121"/>
      <c r="FG82" s="121"/>
      <c r="FH82" s="121"/>
      <c r="FI82" s="121"/>
      <c r="FJ82" s="121"/>
      <c r="FK82" s="121"/>
      <c r="FL82" s="121"/>
      <c r="FM82" s="121"/>
      <c r="FN82" s="121"/>
      <c r="FO82" s="121"/>
      <c r="FP82" s="121"/>
      <c r="FQ82" s="121"/>
      <c r="FR82" s="121"/>
      <c r="FS82" s="121"/>
      <c r="FT82" s="121"/>
      <c r="FU82" s="121"/>
      <c r="FV82" s="121"/>
      <c r="FW82" s="121"/>
      <c r="FX82" s="121"/>
      <c r="FY82" s="121"/>
      <c r="FZ82" s="121"/>
      <c r="GA82" s="120"/>
      <c r="GB82" s="120"/>
      <c r="GC82" s="120"/>
      <c r="GD82" s="120"/>
      <c r="GE82" s="120"/>
      <c r="GF82" s="120"/>
      <c r="GG82" s="120"/>
      <c r="GH82" s="120"/>
      <c r="GI82" s="120"/>
      <c r="GJ82" s="120"/>
      <c r="GK82" s="120"/>
      <c r="GL82" s="120"/>
      <c r="GM82" s="120"/>
      <c r="GN82" s="120"/>
      <c r="GO82" s="121"/>
      <c r="GP82" s="121"/>
      <c r="GQ82" s="121"/>
      <c r="GR82" s="121"/>
      <c r="GS82" s="121"/>
      <c r="GT82" s="121"/>
      <c r="GU82" s="121"/>
      <c r="GV82" s="121"/>
      <c r="GW82" s="121"/>
      <c r="GX82" s="121"/>
      <c r="GY82" s="121"/>
      <c r="GZ82" s="121"/>
      <c r="HA82" s="121"/>
      <c r="HB82" s="121"/>
      <c r="HC82" s="121"/>
      <c r="HD82" s="121"/>
      <c r="HE82" s="121"/>
      <c r="HF82" s="121"/>
      <c r="HG82" s="121"/>
      <c r="HH82" s="121"/>
      <c r="HI82" s="121"/>
      <c r="HJ82" s="121"/>
      <c r="HK82" s="121"/>
      <c r="HL82" s="121"/>
      <c r="HM82" s="121"/>
      <c r="HN82" s="121"/>
      <c r="HO82" s="121"/>
      <c r="HP82" s="121"/>
      <c r="HQ82" s="121"/>
      <c r="HR82" s="56"/>
      <c r="HS82" s="56"/>
      <c r="HT82" s="56"/>
      <c r="HU82" s="56"/>
      <c r="HV82" s="56"/>
      <c r="HW82" s="56"/>
      <c r="HX82" s="56"/>
      <c r="HY82" s="56"/>
      <c r="HZ82" s="56"/>
      <c r="IA82" s="56"/>
      <c r="IB82" s="56"/>
      <c r="IC82" s="56"/>
    </row>
    <row r="83" spans="2:237" ht="6" customHeight="1">
      <c r="B83" s="175" t="s">
        <v>97</v>
      </c>
      <c r="C83" s="176"/>
      <c r="D83" s="176"/>
      <c r="E83" s="176"/>
      <c r="F83" s="176"/>
      <c r="G83" s="176"/>
      <c r="H83" s="176"/>
      <c r="I83" s="176"/>
      <c r="J83" s="176"/>
      <c r="K83" s="176"/>
      <c r="L83" s="176"/>
      <c r="M83" s="176"/>
      <c r="N83" s="176"/>
      <c r="O83" s="176"/>
      <c r="P83" s="176"/>
      <c r="Q83" s="176"/>
      <c r="R83" s="176"/>
      <c r="S83" s="176"/>
      <c r="T83" s="176"/>
      <c r="U83" s="176"/>
      <c r="V83" s="176"/>
      <c r="W83" s="176"/>
      <c r="X83" s="176"/>
      <c r="Y83" s="176"/>
      <c r="Z83" s="176"/>
      <c r="AA83" s="176"/>
      <c r="AB83" s="176"/>
      <c r="AC83" s="176"/>
      <c r="AD83" s="176"/>
      <c r="AE83" s="176"/>
      <c r="AF83" s="176"/>
      <c r="AG83" s="176"/>
      <c r="AH83" s="176"/>
      <c r="AI83" s="176"/>
      <c r="AJ83" s="176"/>
      <c r="AK83" s="176"/>
      <c r="AL83" s="176"/>
      <c r="AM83" s="176"/>
      <c r="AN83" s="176"/>
      <c r="AO83" s="176"/>
      <c r="AP83" s="176"/>
      <c r="AQ83" s="176"/>
      <c r="AR83" s="176"/>
      <c r="AS83" s="176"/>
      <c r="AT83" s="176"/>
      <c r="AU83" s="176"/>
      <c r="AV83" s="176"/>
      <c r="AW83" s="176"/>
      <c r="AX83" s="176"/>
      <c r="AY83" s="176"/>
      <c r="AZ83" s="177"/>
      <c r="BA83" s="112" t="s">
        <v>92</v>
      </c>
      <c r="BB83" s="113"/>
      <c r="BC83" s="113"/>
      <c r="BD83" s="113"/>
      <c r="BE83" s="113"/>
      <c r="BF83" s="113"/>
      <c r="BG83" s="113"/>
      <c r="BH83" s="113"/>
      <c r="BI83" s="113"/>
      <c r="BJ83" s="113"/>
      <c r="BK83" s="113"/>
      <c r="BL83" s="113"/>
      <c r="BM83" s="95"/>
      <c r="BN83" s="76"/>
      <c r="BO83" s="76"/>
      <c r="BP83" s="76"/>
      <c r="BQ83" s="76"/>
      <c r="BR83" s="76"/>
      <c r="BS83" s="76"/>
      <c r="BT83" s="76"/>
      <c r="BU83" s="76"/>
      <c r="BV83" s="76"/>
      <c r="BW83" s="76"/>
      <c r="BX83" s="76"/>
      <c r="BY83" s="76"/>
      <c r="BZ83" s="76"/>
      <c r="CA83" s="76"/>
      <c r="CB83" s="76"/>
      <c r="CC83" s="76"/>
      <c r="CD83" s="76"/>
      <c r="CE83" s="76"/>
      <c r="CF83" s="76"/>
      <c r="CG83" s="76"/>
      <c r="CH83" s="76"/>
      <c r="CI83" s="76"/>
      <c r="CJ83" s="76"/>
      <c r="CK83" s="76"/>
      <c r="CL83" s="76"/>
      <c r="CM83" s="76"/>
      <c r="CN83" s="76"/>
      <c r="CO83" s="76"/>
      <c r="CP83" s="107"/>
      <c r="CQ83" s="116" t="s">
        <v>93</v>
      </c>
      <c r="CR83" s="116"/>
      <c r="CS83" s="116"/>
      <c r="CT83" s="116"/>
      <c r="CU83" s="116"/>
      <c r="CV83" s="116"/>
      <c r="CW83" s="116"/>
      <c r="CX83" s="116"/>
      <c r="CY83" s="117"/>
      <c r="CZ83" s="95"/>
      <c r="DA83" s="76"/>
      <c r="DB83" s="76"/>
      <c r="DC83" s="76"/>
      <c r="DD83" s="76"/>
      <c r="DE83" s="76"/>
      <c r="DF83" s="76"/>
      <c r="DG83" s="76"/>
      <c r="DH83" s="76"/>
      <c r="DI83" s="76"/>
      <c r="DJ83" s="76"/>
      <c r="DK83" s="76"/>
      <c r="DL83" s="76"/>
      <c r="DM83" s="76"/>
      <c r="DN83" s="76"/>
      <c r="DO83" s="76"/>
      <c r="DP83" s="76"/>
      <c r="DQ83" s="76"/>
      <c r="DR83" s="76"/>
      <c r="DS83" s="76"/>
      <c r="DT83" s="76"/>
      <c r="DU83" s="76"/>
      <c r="DV83" s="76"/>
      <c r="DW83" s="76"/>
      <c r="DX83" s="76"/>
      <c r="DY83" s="76"/>
      <c r="DZ83" s="107"/>
      <c r="EA83" s="56"/>
      <c r="EB83" s="56"/>
      <c r="EC83" s="56"/>
      <c r="ED83" s="195"/>
      <c r="EE83" s="195"/>
      <c r="EF83" s="195"/>
      <c r="EG83" s="195"/>
      <c r="EH83" s="195"/>
      <c r="EI83" s="195"/>
      <c r="EJ83" s="128"/>
      <c r="EK83" s="129"/>
      <c r="EL83" s="129"/>
      <c r="EM83" s="129"/>
      <c r="EN83" s="129"/>
      <c r="EO83" s="129"/>
      <c r="EP83" s="129"/>
      <c r="EQ83" s="129"/>
      <c r="ER83" s="129"/>
      <c r="ES83" s="129"/>
      <c r="ET83" s="129"/>
      <c r="EU83" s="129"/>
      <c r="EV83" s="129"/>
      <c r="EW83" s="129"/>
      <c r="EX83" s="129"/>
      <c r="EY83" s="130"/>
      <c r="EZ83" s="121"/>
      <c r="FA83" s="121"/>
      <c r="FB83" s="121"/>
      <c r="FC83" s="121"/>
      <c r="FD83" s="121"/>
      <c r="FE83" s="121"/>
      <c r="FF83" s="121"/>
      <c r="FG83" s="121"/>
      <c r="FH83" s="121"/>
      <c r="FI83" s="121"/>
      <c r="FJ83" s="121"/>
      <c r="FK83" s="121"/>
      <c r="FL83" s="121"/>
      <c r="FM83" s="121"/>
      <c r="FN83" s="121"/>
      <c r="FO83" s="121"/>
      <c r="FP83" s="121"/>
      <c r="FQ83" s="121"/>
      <c r="FR83" s="121"/>
      <c r="FS83" s="121"/>
      <c r="FT83" s="121"/>
      <c r="FU83" s="121"/>
      <c r="FV83" s="121"/>
      <c r="FW83" s="121"/>
      <c r="FX83" s="121"/>
      <c r="FY83" s="121"/>
      <c r="FZ83" s="121"/>
      <c r="GA83" s="120"/>
      <c r="GB83" s="120"/>
      <c r="GC83" s="120"/>
      <c r="GD83" s="120"/>
      <c r="GE83" s="120"/>
      <c r="GF83" s="120"/>
      <c r="GG83" s="120"/>
      <c r="GH83" s="120"/>
      <c r="GI83" s="120"/>
      <c r="GJ83" s="120"/>
      <c r="GK83" s="120"/>
      <c r="GL83" s="120"/>
      <c r="GM83" s="120"/>
      <c r="GN83" s="120"/>
      <c r="GO83" s="121"/>
      <c r="GP83" s="121"/>
      <c r="GQ83" s="121"/>
      <c r="GR83" s="121"/>
      <c r="GS83" s="121"/>
      <c r="GT83" s="121"/>
      <c r="GU83" s="121"/>
      <c r="GV83" s="121"/>
      <c r="GW83" s="121"/>
      <c r="GX83" s="121"/>
      <c r="GY83" s="121"/>
      <c r="GZ83" s="121"/>
      <c r="HA83" s="121"/>
      <c r="HB83" s="121"/>
      <c r="HC83" s="121"/>
      <c r="HD83" s="121"/>
      <c r="HE83" s="121"/>
      <c r="HF83" s="121"/>
      <c r="HG83" s="121"/>
      <c r="HH83" s="121"/>
      <c r="HI83" s="121"/>
      <c r="HJ83" s="121"/>
      <c r="HK83" s="121"/>
      <c r="HL83" s="121"/>
      <c r="HM83" s="121"/>
      <c r="HN83" s="121"/>
      <c r="HO83" s="121"/>
      <c r="HP83" s="121"/>
      <c r="HQ83" s="121"/>
      <c r="HR83" s="56"/>
      <c r="HS83" s="56"/>
      <c r="HT83" s="56"/>
      <c r="HU83" s="56"/>
      <c r="HV83" s="56"/>
      <c r="HW83" s="56"/>
      <c r="HX83" s="56"/>
      <c r="HY83" s="56"/>
      <c r="HZ83" s="56"/>
      <c r="IA83" s="56"/>
      <c r="IB83" s="56"/>
      <c r="IC83" s="56"/>
    </row>
    <row r="84" spans="2:237" ht="6" customHeight="1">
      <c r="B84" s="178"/>
      <c r="C84" s="179"/>
      <c r="D84" s="179"/>
      <c r="E84" s="179"/>
      <c r="F84" s="179"/>
      <c r="G84" s="179"/>
      <c r="H84" s="179"/>
      <c r="I84" s="179"/>
      <c r="J84" s="179"/>
      <c r="K84" s="179"/>
      <c r="L84" s="179"/>
      <c r="M84" s="179"/>
      <c r="N84" s="179"/>
      <c r="O84" s="179"/>
      <c r="P84" s="179"/>
      <c r="Q84" s="179"/>
      <c r="R84" s="179"/>
      <c r="S84" s="179"/>
      <c r="T84" s="179"/>
      <c r="U84" s="179"/>
      <c r="V84" s="179"/>
      <c r="W84" s="179"/>
      <c r="X84" s="179"/>
      <c r="Y84" s="179"/>
      <c r="Z84" s="179"/>
      <c r="AA84" s="179"/>
      <c r="AB84" s="179"/>
      <c r="AC84" s="179"/>
      <c r="AD84" s="179"/>
      <c r="AE84" s="179"/>
      <c r="AF84" s="179"/>
      <c r="AG84" s="179"/>
      <c r="AH84" s="179"/>
      <c r="AI84" s="179"/>
      <c r="AJ84" s="179"/>
      <c r="AK84" s="179"/>
      <c r="AL84" s="179"/>
      <c r="AM84" s="179"/>
      <c r="AN84" s="179"/>
      <c r="AO84" s="179"/>
      <c r="AP84" s="179"/>
      <c r="AQ84" s="179"/>
      <c r="AR84" s="179"/>
      <c r="AS84" s="179"/>
      <c r="AT84" s="179"/>
      <c r="AU84" s="179"/>
      <c r="AV84" s="179"/>
      <c r="AW84" s="179"/>
      <c r="AX84" s="179"/>
      <c r="AY84" s="179"/>
      <c r="AZ84" s="180"/>
      <c r="BA84" s="112"/>
      <c r="BB84" s="113"/>
      <c r="BC84" s="113"/>
      <c r="BD84" s="113"/>
      <c r="BE84" s="113"/>
      <c r="BF84" s="113"/>
      <c r="BG84" s="113"/>
      <c r="BH84" s="113"/>
      <c r="BI84" s="113"/>
      <c r="BJ84" s="113"/>
      <c r="BK84" s="113"/>
      <c r="BL84" s="113"/>
      <c r="BM84" s="96"/>
      <c r="BN84" s="77"/>
      <c r="BO84" s="77"/>
      <c r="BP84" s="77"/>
      <c r="BQ84" s="77"/>
      <c r="BR84" s="77"/>
      <c r="BS84" s="77"/>
      <c r="BT84" s="77"/>
      <c r="BU84" s="77"/>
      <c r="BV84" s="77"/>
      <c r="BW84" s="77"/>
      <c r="BX84" s="77"/>
      <c r="BY84" s="77"/>
      <c r="BZ84" s="77"/>
      <c r="CA84" s="77"/>
      <c r="CB84" s="77"/>
      <c r="CC84" s="77"/>
      <c r="CD84" s="77"/>
      <c r="CE84" s="77"/>
      <c r="CF84" s="77"/>
      <c r="CG84" s="77"/>
      <c r="CH84" s="77"/>
      <c r="CI84" s="77"/>
      <c r="CJ84" s="77"/>
      <c r="CK84" s="77"/>
      <c r="CL84" s="77"/>
      <c r="CM84" s="77"/>
      <c r="CN84" s="77"/>
      <c r="CO84" s="77"/>
      <c r="CP84" s="108"/>
      <c r="CQ84" s="118"/>
      <c r="CR84" s="118"/>
      <c r="CS84" s="118"/>
      <c r="CT84" s="118"/>
      <c r="CU84" s="118"/>
      <c r="CV84" s="118"/>
      <c r="CW84" s="118"/>
      <c r="CX84" s="118"/>
      <c r="CY84" s="119"/>
      <c r="CZ84" s="96"/>
      <c r="DA84" s="77"/>
      <c r="DB84" s="77"/>
      <c r="DC84" s="77"/>
      <c r="DD84" s="77"/>
      <c r="DE84" s="77"/>
      <c r="DF84" s="77"/>
      <c r="DG84" s="77"/>
      <c r="DH84" s="77"/>
      <c r="DI84" s="77"/>
      <c r="DJ84" s="77"/>
      <c r="DK84" s="77"/>
      <c r="DL84" s="77"/>
      <c r="DM84" s="77"/>
      <c r="DN84" s="77"/>
      <c r="DO84" s="77"/>
      <c r="DP84" s="77"/>
      <c r="DQ84" s="77"/>
      <c r="DR84" s="77"/>
      <c r="DS84" s="77"/>
      <c r="DT84" s="77"/>
      <c r="DU84" s="77"/>
      <c r="DV84" s="77"/>
      <c r="DW84" s="77"/>
      <c r="DX84" s="77"/>
      <c r="DY84" s="77"/>
      <c r="DZ84" s="108"/>
      <c r="EA84" s="56"/>
      <c r="EB84" s="56"/>
      <c r="EC84" s="56"/>
      <c r="ED84" s="195"/>
      <c r="EE84" s="195"/>
      <c r="EF84" s="195"/>
      <c r="EG84" s="195"/>
      <c r="EH84" s="195"/>
      <c r="EI84" s="195"/>
      <c r="EJ84" s="122" t="s">
        <v>99</v>
      </c>
      <c r="EK84" s="123"/>
      <c r="EL84" s="123"/>
      <c r="EM84" s="123"/>
      <c r="EN84" s="123"/>
      <c r="EO84" s="123"/>
      <c r="EP84" s="123"/>
      <c r="EQ84" s="123"/>
      <c r="ER84" s="123"/>
      <c r="ES84" s="123"/>
      <c r="ET84" s="123"/>
      <c r="EU84" s="123"/>
      <c r="EV84" s="123"/>
      <c r="EW84" s="123"/>
      <c r="EX84" s="123"/>
      <c r="EY84" s="124"/>
      <c r="EZ84" s="121">
        <f>EZ72+EZ76+EZ80</f>
        <v>0</v>
      </c>
      <c r="FA84" s="121"/>
      <c r="FB84" s="121"/>
      <c r="FC84" s="121"/>
      <c r="FD84" s="121"/>
      <c r="FE84" s="121"/>
      <c r="FF84" s="121"/>
      <c r="FG84" s="121"/>
      <c r="FH84" s="121"/>
      <c r="FI84" s="121"/>
      <c r="FJ84" s="121"/>
      <c r="FK84" s="121"/>
      <c r="FL84" s="121"/>
      <c r="FM84" s="121"/>
      <c r="FN84" s="121"/>
      <c r="FO84" s="121"/>
      <c r="FP84" s="121"/>
      <c r="FQ84" s="121"/>
      <c r="FR84" s="121"/>
      <c r="FS84" s="121"/>
      <c r="FT84" s="121"/>
      <c r="FU84" s="121"/>
      <c r="FV84" s="121"/>
      <c r="FW84" s="121"/>
      <c r="FX84" s="121"/>
      <c r="FY84" s="121"/>
      <c r="FZ84" s="121"/>
      <c r="GA84" s="120" t="s">
        <v>64</v>
      </c>
      <c r="GB84" s="120"/>
      <c r="GC84" s="120"/>
      <c r="GD84" s="120"/>
      <c r="GE84" s="120"/>
      <c r="GF84" s="120"/>
      <c r="GG84" s="120"/>
      <c r="GH84" s="120"/>
      <c r="GI84" s="120"/>
      <c r="GJ84" s="120"/>
      <c r="GK84" s="120"/>
      <c r="GL84" s="120"/>
      <c r="GM84" s="120"/>
      <c r="GN84" s="120"/>
      <c r="GO84" s="121">
        <f>EZ84+GO80</f>
        <v>0</v>
      </c>
      <c r="GP84" s="121"/>
      <c r="GQ84" s="121"/>
      <c r="GR84" s="121"/>
      <c r="GS84" s="121"/>
      <c r="GT84" s="121"/>
      <c r="GU84" s="121"/>
      <c r="GV84" s="121"/>
      <c r="GW84" s="121"/>
      <c r="GX84" s="121"/>
      <c r="GY84" s="121"/>
      <c r="GZ84" s="121"/>
      <c r="HA84" s="121"/>
      <c r="HB84" s="121"/>
      <c r="HC84" s="121"/>
      <c r="HD84" s="121"/>
      <c r="HE84" s="121"/>
      <c r="HF84" s="121"/>
      <c r="HG84" s="121"/>
      <c r="HH84" s="121"/>
      <c r="HI84" s="121"/>
      <c r="HJ84" s="121"/>
      <c r="HK84" s="121"/>
      <c r="HL84" s="121"/>
      <c r="HM84" s="121"/>
      <c r="HN84" s="121"/>
      <c r="HO84" s="121"/>
      <c r="HP84" s="121"/>
      <c r="HQ84" s="121"/>
      <c r="HR84" s="56"/>
      <c r="HS84" s="56"/>
      <c r="HT84" s="56"/>
      <c r="HU84" s="56"/>
      <c r="HV84" s="56"/>
      <c r="HW84" s="56"/>
      <c r="HX84" s="56"/>
      <c r="HY84" s="56"/>
      <c r="HZ84" s="56"/>
      <c r="IA84" s="56"/>
      <c r="IB84" s="56"/>
      <c r="IC84" s="56"/>
    </row>
    <row r="85" spans="2:237" ht="6" customHeight="1">
      <c r="B85" s="178"/>
      <c r="C85" s="179"/>
      <c r="D85" s="179"/>
      <c r="E85" s="179"/>
      <c r="F85" s="179"/>
      <c r="G85" s="179"/>
      <c r="H85" s="179"/>
      <c r="I85" s="179"/>
      <c r="J85" s="179"/>
      <c r="K85" s="179"/>
      <c r="L85" s="179"/>
      <c r="M85" s="179"/>
      <c r="N85" s="179"/>
      <c r="O85" s="179"/>
      <c r="P85" s="179"/>
      <c r="Q85" s="179"/>
      <c r="R85" s="179"/>
      <c r="S85" s="179"/>
      <c r="T85" s="179"/>
      <c r="U85" s="179"/>
      <c r="V85" s="179"/>
      <c r="W85" s="179"/>
      <c r="X85" s="179"/>
      <c r="Y85" s="179"/>
      <c r="Z85" s="179"/>
      <c r="AA85" s="179"/>
      <c r="AB85" s="179"/>
      <c r="AC85" s="179"/>
      <c r="AD85" s="179"/>
      <c r="AE85" s="179"/>
      <c r="AF85" s="179"/>
      <c r="AG85" s="179"/>
      <c r="AH85" s="179"/>
      <c r="AI85" s="179"/>
      <c r="AJ85" s="179"/>
      <c r="AK85" s="179"/>
      <c r="AL85" s="179"/>
      <c r="AM85" s="179"/>
      <c r="AN85" s="179"/>
      <c r="AO85" s="179"/>
      <c r="AP85" s="179"/>
      <c r="AQ85" s="179"/>
      <c r="AR85" s="179"/>
      <c r="AS85" s="179"/>
      <c r="AT85" s="179"/>
      <c r="AU85" s="179"/>
      <c r="AV85" s="179"/>
      <c r="AW85" s="179"/>
      <c r="AX85" s="179"/>
      <c r="AY85" s="179"/>
      <c r="AZ85" s="180"/>
      <c r="BA85" s="112"/>
      <c r="BB85" s="113"/>
      <c r="BC85" s="113"/>
      <c r="BD85" s="113"/>
      <c r="BE85" s="113"/>
      <c r="BF85" s="113"/>
      <c r="BG85" s="113"/>
      <c r="BH85" s="113"/>
      <c r="BI85" s="113"/>
      <c r="BJ85" s="113"/>
      <c r="BK85" s="113"/>
      <c r="BL85" s="113"/>
      <c r="BM85" s="96"/>
      <c r="BN85" s="77"/>
      <c r="BO85" s="77"/>
      <c r="BP85" s="77"/>
      <c r="BQ85" s="77"/>
      <c r="BR85" s="77"/>
      <c r="BS85" s="77"/>
      <c r="BT85" s="77"/>
      <c r="BU85" s="77"/>
      <c r="BV85" s="77"/>
      <c r="BW85" s="77"/>
      <c r="BX85" s="77"/>
      <c r="BY85" s="77"/>
      <c r="BZ85" s="77"/>
      <c r="CA85" s="77"/>
      <c r="CB85" s="77"/>
      <c r="CC85" s="77"/>
      <c r="CD85" s="77"/>
      <c r="CE85" s="77"/>
      <c r="CF85" s="77"/>
      <c r="CG85" s="77"/>
      <c r="CH85" s="77"/>
      <c r="CI85" s="77"/>
      <c r="CJ85" s="77"/>
      <c r="CK85" s="77"/>
      <c r="CL85" s="77"/>
      <c r="CM85" s="77"/>
      <c r="CN85" s="77"/>
      <c r="CO85" s="77"/>
      <c r="CP85" s="108"/>
      <c r="CQ85" s="118"/>
      <c r="CR85" s="118"/>
      <c r="CS85" s="118"/>
      <c r="CT85" s="118"/>
      <c r="CU85" s="118"/>
      <c r="CV85" s="118"/>
      <c r="CW85" s="118"/>
      <c r="CX85" s="118"/>
      <c r="CY85" s="119"/>
      <c r="CZ85" s="96"/>
      <c r="DA85" s="77"/>
      <c r="DB85" s="77"/>
      <c r="DC85" s="77"/>
      <c r="DD85" s="77"/>
      <c r="DE85" s="77"/>
      <c r="DF85" s="77"/>
      <c r="DG85" s="77"/>
      <c r="DH85" s="77"/>
      <c r="DI85" s="77"/>
      <c r="DJ85" s="77"/>
      <c r="DK85" s="77"/>
      <c r="DL85" s="77"/>
      <c r="DM85" s="77"/>
      <c r="DN85" s="77"/>
      <c r="DO85" s="77"/>
      <c r="DP85" s="77"/>
      <c r="DQ85" s="77"/>
      <c r="DR85" s="77"/>
      <c r="DS85" s="77"/>
      <c r="DT85" s="77"/>
      <c r="DU85" s="77"/>
      <c r="DV85" s="77"/>
      <c r="DW85" s="77"/>
      <c r="DX85" s="77"/>
      <c r="DY85" s="77"/>
      <c r="DZ85" s="108"/>
      <c r="EA85" s="56"/>
      <c r="EB85" s="56"/>
      <c r="EC85" s="56"/>
      <c r="ED85" s="195"/>
      <c r="EE85" s="195"/>
      <c r="EF85" s="195"/>
      <c r="EG85" s="195"/>
      <c r="EH85" s="195"/>
      <c r="EI85" s="195"/>
      <c r="EJ85" s="125"/>
      <c r="EK85" s="126"/>
      <c r="EL85" s="126"/>
      <c r="EM85" s="126"/>
      <c r="EN85" s="126"/>
      <c r="EO85" s="126"/>
      <c r="EP85" s="126"/>
      <c r="EQ85" s="126"/>
      <c r="ER85" s="126"/>
      <c r="ES85" s="126"/>
      <c r="ET85" s="126"/>
      <c r="EU85" s="126"/>
      <c r="EV85" s="126"/>
      <c r="EW85" s="126"/>
      <c r="EX85" s="126"/>
      <c r="EY85" s="127"/>
      <c r="EZ85" s="121"/>
      <c r="FA85" s="121"/>
      <c r="FB85" s="121"/>
      <c r="FC85" s="121"/>
      <c r="FD85" s="121"/>
      <c r="FE85" s="121"/>
      <c r="FF85" s="121"/>
      <c r="FG85" s="121"/>
      <c r="FH85" s="121"/>
      <c r="FI85" s="121"/>
      <c r="FJ85" s="121"/>
      <c r="FK85" s="121"/>
      <c r="FL85" s="121"/>
      <c r="FM85" s="121"/>
      <c r="FN85" s="121"/>
      <c r="FO85" s="121"/>
      <c r="FP85" s="121"/>
      <c r="FQ85" s="121"/>
      <c r="FR85" s="121"/>
      <c r="FS85" s="121"/>
      <c r="FT85" s="121"/>
      <c r="FU85" s="121"/>
      <c r="FV85" s="121"/>
      <c r="FW85" s="121"/>
      <c r="FX85" s="121"/>
      <c r="FY85" s="121"/>
      <c r="FZ85" s="121"/>
      <c r="GA85" s="120"/>
      <c r="GB85" s="120"/>
      <c r="GC85" s="120"/>
      <c r="GD85" s="120"/>
      <c r="GE85" s="120"/>
      <c r="GF85" s="120"/>
      <c r="GG85" s="120"/>
      <c r="GH85" s="120"/>
      <c r="GI85" s="120"/>
      <c r="GJ85" s="120"/>
      <c r="GK85" s="120"/>
      <c r="GL85" s="120"/>
      <c r="GM85" s="120"/>
      <c r="GN85" s="120"/>
      <c r="GO85" s="121"/>
      <c r="GP85" s="121"/>
      <c r="GQ85" s="121"/>
      <c r="GR85" s="121"/>
      <c r="GS85" s="121"/>
      <c r="GT85" s="121"/>
      <c r="GU85" s="121"/>
      <c r="GV85" s="121"/>
      <c r="GW85" s="121"/>
      <c r="GX85" s="121"/>
      <c r="GY85" s="121"/>
      <c r="GZ85" s="121"/>
      <c r="HA85" s="121"/>
      <c r="HB85" s="121"/>
      <c r="HC85" s="121"/>
      <c r="HD85" s="121"/>
      <c r="HE85" s="121"/>
      <c r="HF85" s="121"/>
      <c r="HG85" s="121"/>
      <c r="HH85" s="121"/>
      <c r="HI85" s="121"/>
      <c r="HJ85" s="121"/>
      <c r="HK85" s="121"/>
      <c r="HL85" s="121"/>
      <c r="HM85" s="121"/>
      <c r="HN85" s="121"/>
      <c r="HO85" s="121"/>
      <c r="HP85" s="121"/>
      <c r="HQ85" s="121"/>
      <c r="HR85" s="56"/>
      <c r="HS85" s="56"/>
      <c r="HT85" s="56"/>
      <c r="HU85" s="56"/>
      <c r="HV85" s="56"/>
      <c r="HW85" s="56"/>
      <c r="HX85" s="56"/>
      <c r="HY85" s="56"/>
      <c r="HZ85" s="56"/>
      <c r="IA85" s="56"/>
      <c r="IB85" s="56"/>
      <c r="IC85" s="56"/>
    </row>
    <row r="86" spans="2:237" ht="6" customHeight="1">
      <c r="B86" s="178"/>
      <c r="C86" s="179"/>
      <c r="D86" s="179"/>
      <c r="E86" s="179"/>
      <c r="F86" s="179"/>
      <c r="G86" s="179"/>
      <c r="H86" s="179"/>
      <c r="I86" s="179"/>
      <c r="J86" s="179"/>
      <c r="K86" s="179"/>
      <c r="L86" s="179"/>
      <c r="M86" s="179"/>
      <c r="N86" s="179"/>
      <c r="O86" s="179"/>
      <c r="P86" s="179"/>
      <c r="Q86" s="179"/>
      <c r="R86" s="179"/>
      <c r="S86" s="179"/>
      <c r="T86" s="179"/>
      <c r="U86" s="179"/>
      <c r="V86" s="179"/>
      <c r="W86" s="179"/>
      <c r="X86" s="179"/>
      <c r="Y86" s="179"/>
      <c r="Z86" s="179"/>
      <c r="AA86" s="179"/>
      <c r="AB86" s="179"/>
      <c r="AC86" s="179"/>
      <c r="AD86" s="179"/>
      <c r="AE86" s="179"/>
      <c r="AF86" s="179"/>
      <c r="AG86" s="179"/>
      <c r="AH86" s="179"/>
      <c r="AI86" s="179"/>
      <c r="AJ86" s="179"/>
      <c r="AK86" s="179"/>
      <c r="AL86" s="179"/>
      <c r="AM86" s="179"/>
      <c r="AN86" s="179"/>
      <c r="AO86" s="179"/>
      <c r="AP86" s="179"/>
      <c r="AQ86" s="179"/>
      <c r="AR86" s="179"/>
      <c r="AS86" s="179"/>
      <c r="AT86" s="179"/>
      <c r="AU86" s="179"/>
      <c r="AV86" s="179"/>
      <c r="AW86" s="179"/>
      <c r="AX86" s="179"/>
      <c r="AY86" s="179"/>
      <c r="AZ86" s="180"/>
      <c r="BA86" s="114"/>
      <c r="BB86" s="115"/>
      <c r="BC86" s="115"/>
      <c r="BD86" s="115"/>
      <c r="BE86" s="115"/>
      <c r="BF86" s="115"/>
      <c r="BG86" s="115"/>
      <c r="BH86" s="115"/>
      <c r="BI86" s="115"/>
      <c r="BJ86" s="115"/>
      <c r="BK86" s="115"/>
      <c r="BL86" s="115"/>
      <c r="BM86" s="97"/>
      <c r="BN86" s="78"/>
      <c r="BO86" s="78"/>
      <c r="BP86" s="78"/>
      <c r="BQ86" s="78"/>
      <c r="BR86" s="78"/>
      <c r="BS86" s="78"/>
      <c r="BT86" s="78"/>
      <c r="BU86" s="78"/>
      <c r="BV86" s="78"/>
      <c r="BW86" s="78"/>
      <c r="BX86" s="78"/>
      <c r="BY86" s="78"/>
      <c r="BZ86" s="78"/>
      <c r="CA86" s="78"/>
      <c r="CB86" s="78"/>
      <c r="CC86" s="78"/>
      <c r="CD86" s="78"/>
      <c r="CE86" s="78"/>
      <c r="CF86" s="78"/>
      <c r="CG86" s="78"/>
      <c r="CH86" s="78"/>
      <c r="CI86" s="78"/>
      <c r="CJ86" s="78"/>
      <c r="CK86" s="78"/>
      <c r="CL86" s="78"/>
      <c r="CM86" s="78"/>
      <c r="CN86" s="78"/>
      <c r="CO86" s="78"/>
      <c r="CP86" s="109"/>
      <c r="CQ86" s="118"/>
      <c r="CR86" s="118"/>
      <c r="CS86" s="118"/>
      <c r="CT86" s="118"/>
      <c r="CU86" s="118"/>
      <c r="CV86" s="118"/>
      <c r="CW86" s="118"/>
      <c r="CX86" s="118"/>
      <c r="CY86" s="119"/>
      <c r="CZ86" s="97"/>
      <c r="DA86" s="78"/>
      <c r="DB86" s="78"/>
      <c r="DC86" s="78"/>
      <c r="DD86" s="78"/>
      <c r="DE86" s="78"/>
      <c r="DF86" s="78"/>
      <c r="DG86" s="78"/>
      <c r="DH86" s="78"/>
      <c r="DI86" s="78"/>
      <c r="DJ86" s="78"/>
      <c r="DK86" s="78"/>
      <c r="DL86" s="78"/>
      <c r="DM86" s="78"/>
      <c r="DN86" s="78"/>
      <c r="DO86" s="78"/>
      <c r="DP86" s="78"/>
      <c r="DQ86" s="78"/>
      <c r="DR86" s="78"/>
      <c r="DS86" s="78"/>
      <c r="DT86" s="78"/>
      <c r="DU86" s="78"/>
      <c r="DV86" s="78"/>
      <c r="DW86" s="78"/>
      <c r="DX86" s="78"/>
      <c r="DY86" s="78"/>
      <c r="DZ86" s="109"/>
      <c r="EA86" s="56"/>
      <c r="EB86" s="56"/>
      <c r="EC86" s="56"/>
      <c r="ED86" s="195"/>
      <c r="EE86" s="195"/>
      <c r="EF86" s="195"/>
      <c r="EG86" s="195"/>
      <c r="EH86" s="195"/>
      <c r="EI86" s="195"/>
      <c r="EJ86" s="125"/>
      <c r="EK86" s="126"/>
      <c r="EL86" s="126"/>
      <c r="EM86" s="126"/>
      <c r="EN86" s="126"/>
      <c r="EO86" s="126"/>
      <c r="EP86" s="126"/>
      <c r="EQ86" s="126"/>
      <c r="ER86" s="126"/>
      <c r="ES86" s="126"/>
      <c r="ET86" s="126"/>
      <c r="EU86" s="126"/>
      <c r="EV86" s="126"/>
      <c r="EW86" s="126"/>
      <c r="EX86" s="126"/>
      <c r="EY86" s="127"/>
      <c r="EZ86" s="121"/>
      <c r="FA86" s="121"/>
      <c r="FB86" s="121"/>
      <c r="FC86" s="121"/>
      <c r="FD86" s="121"/>
      <c r="FE86" s="121"/>
      <c r="FF86" s="121"/>
      <c r="FG86" s="121"/>
      <c r="FH86" s="121"/>
      <c r="FI86" s="121"/>
      <c r="FJ86" s="121"/>
      <c r="FK86" s="121"/>
      <c r="FL86" s="121"/>
      <c r="FM86" s="121"/>
      <c r="FN86" s="121"/>
      <c r="FO86" s="121"/>
      <c r="FP86" s="121"/>
      <c r="FQ86" s="121"/>
      <c r="FR86" s="121"/>
      <c r="FS86" s="121"/>
      <c r="FT86" s="121"/>
      <c r="FU86" s="121"/>
      <c r="FV86" s="121"/>
      <c r="FW86" s="121"/>
      <c r="FX86" s="121"/>
      <c r="FY86" s="121"/>
      <c r="FZ86" s="121"/>
      <c r="GA86" s="120"/>
      <c r="GB86" s="120"/>
      <c r="GC86" s="120"/>
      <c r="GD86" s="120"/>
      <c r="GE86" s="120"/>
      <c r="GF86" s="120"/>
      <c r="GG86" s="120"/>
      <c r="GH86" s="120"/>
      <c r="GI86" s="120"/>
      <c r="GJ86" s="120"/>
      <c r="GK86" s="120"/>
      <c r="GL86" s="120"/>
      <c r="GM86" s="120"/>
      <c r="GN86" s="120"/>
      <c r="GO86" s="121"/>
      <c r="GP86" s="121"/>
      <c r="GQ86" s="121"/>
      <c r="GR86" s="121"/>
      <c r="GS86" s="121"/>
      <c r="GT86" s="121"/>
      <c r="GU86" s="121"/>
      <c r="GV86" s="121"/>
      <c r="GW86" s="121"/>
      <c r="GX86" s="121"/>
      <c r="GY86" s="121"/>
      <c r="GZ86" s="121"/>
      <c r="HA86" s="121"/>
      <c r="HB86" s="121"/>
      <c r="HC86" s="121"/>
      <c r="HD86" s="121"/>
      <c r="HE86" s="121"/>
      <c r="HF86" s="121"/>
      <c r="HG86" s="121"/>
      <c r="HH86" s="121"/>
      <c r="HI86" s="121"/>
      <c r="HJ86" s="121"/>
      <c r="HK86" s="121"/>
      <c r="HL86" s="121"/>
      <c r="HM86" s="121"/>
      <c r="HN86" s="121"/>
      <c r="HO86" s="121"/>
      <c r="HP86" s="121"/>
      <c r="HQ86" s="121"/>
      <c r="HR86" s="56"/>
      <c r="HS86" s="56"/>
      <c r="HT86" s="56"/>
      <c r="HU86" s="56"/>
      <c r="HV86" s="56"/>
      <c r="HW86" s="56"/>
      <c r="HX86" s="56"/>
      <c r="HY86" s="56"/>
      <c r="HZ86" s="56"/>
      <c r="IA86" s="56"/>
      <c r="IB86" s="56"/>
      <c r="IC86" s="56"/>
    </row>
    <row r="87" spans="2:237" ht="6" customHeight="1">
      <c r="B87" s="178"/>
      <c r="C87" s="179"/>
      <c r="D87" s="179"/>
      <c r="E87" s="179"/>
      <c r="F87" s="179"/>
      <c r="G87" s="179"/>
      <c r="H87" s="179"/>
      <c r="I87" s="179"/>
      <c r="J87" s="179"/>
      <c r="K87" s="179"/>
      <c r="L87" s="179"/>
      <c r="M87" s="179"/>
      <c r="N87" s="179"/>
      <c r="O87" s="179"/>
      <c r="P87" s="179"/>
      <c r="Q87" s="179"/>
      <c r="R87" s="179"/>
      <c r="S87" s="179"/>
      <c r="T87" s="179"/>
      <c r="U87" s="179"/>
      <c r="V87" s="179"/>
      <c r="W87" s="179"/>
      <c r="X87" s="179"/>
      <c r="Y87" s="179"/>
      <c r="Z87" s="179"/>
      <c r="AA87" s="179"/>
      <c r="AB87" s="179"/>
      <c r="AC87" s="179"/>
      <c r="AD87" s="179"/>
      <c r="AE87" s="179"/>
      <c r="AF87" s="179"/>
      <c r="AG87" s="179"/>
      <c r="AH87" s="179"/>
      <c r="AI87" s="179"/>
      <c r="AJ87" s="179"/>
      <c r="AK87" s="179"/>
      <c r="AL87" s="179"/>
      <c r="AM87" s="179"/>
      <c r="AN87" s="179"/>
      <c r="AO87" s="179"/>
      <c r="AP87" s="179"/>
      <c r="AQ87" s="179"/>
      <c r="AR87" s="179"/>
      <c r="AS87" s="179"/>
      <c r="AT87" s="179"/>
      <c r="AU87" s="179"/>
      <c r="AV87" s="179"/>
      <c r="AW87" s="179"/>
      <c r="AX87" s="179"/>
      <c r="AY87" s="179"/>
      <c r="AZ87" s="180"/>
      <c r="BA87" s="110" t="s">
        <v>94</v>
      </c>
      <c r="BB87" s="111"/>
      <c r="BC87" s="111"/>
      <c r="BD87" s="111"/>
      <c r="BE87" s="111"/>
      <c r="BF87" s="111"/>
      <c r="BG87" s="111"/>
      <c r="BH87" s="111"/>
      <c r="BI87" s="111"/>
      <c r="BJ87" s="111"/>
      <c r="BK87" s="111"/>
      <c r="BL87" s="111"/>
      <c r="BM87" s="95"/>
      <c r="BN87" s="76"/>
      <c r="BO87" s="76"/>
      <c r="BP87" s="76"/>
      <c r="BQ87" s="76"/>
      <c r="BR87" s="76"/>
      <c r="BS87" s="76"/>
      <c r="BT87" s="76"/>
      <c r="BU87" s="76"/>
      <c r="BV87" s="76"/>
      <c r="BW87" s="76"/>
      <c r="BX87" s="76"/>
      <c r="BY87" s="76"/>
      <c r="BZ87" s="76"/>
      <c r="CA87" s="76"/>
      <c r="CB87" s="76"/>
      <c r="CC87" s="76"/>
      <c r="CD87" s="76"/>
      <c r="CE87" s="76"/>
      <c r="CF87" s="76"/>
      <c r="CG87" s="76"/>
      <c r="CH87" s="76"/>
      <c r="CI87" s="76"/>
      <c r="CJ87" s="76"/>
      <c r="CK87" s="76"/>
      <c r="CL87" s="76"/>
      <c r="CM87" s="76"/>
      <c r="CN87" s="76"/>
      <c r="CO87" s="76"/>
      <c r="CP87" s="107"/>
      <c r="CQ87" s="131" t="s">
        <v>95</v>
      </c>
      <c r="CR87" s="131"/>
      <c r="CS87" s="131"/>
      <c r="CT87" s="131"/>
      <c r="CU87" s="131"/>
      <c r="CV87" s="131"/>
      <c r="CW87" s="131"/>
      <c r="CX87" s="131"/>
      <c r="CY87" s="132"/>
      <c r="CZ87" s="95"/>
      <c r="DA87" s="76"/>
      <c r="DB87" s="76"/>
      <c r="DC87" s="76"/>
      <c r="DD87" s="76"/>
      <c r="DE87" s="76"/>
      <c r="DF87" s="76"/>
      <c r="DG87" s="76"/>
      <c r="DH87" s="76"/>
      <c r="DI87" s="76"/>
      <c r="DJ87" s="76"/>
      <c r="DK87" s="76"/>
      <c r="DL87" s="76"/>
      <c r="DM87" s="76"/>
      <c r="DN87" s="76"/>
      <c r="DO87" s="76"/>
      <c r="DP87" s="76"/>
      <c r="DQ87" s="76"/>
      <c r="DR87" s="76"/>
      <c r="DS87" s="76"/>
      <c r="DT87" s="76"/>
      <c r="DU87" s="76"/>
      <c r="DV87" s="76"/>
      <c r="DW87" s="76"/>
      <c r="DX87" s="76"/>
      <c r="DY87" s="76"/>
      <c r="DZ87" s="107"/>
      <c r="EB87" s="56"/>
      <c r="EC87" s="56"/>
      <c r="ED87" s="195"/>
      <c r="EE87" s="195"/>
      <c r="EF87" s="195"/>
      <c r="EG87" s="195"/>
      <c r="EH87" s="195"/>
      <c r="EI87" s="195"/>
      <c r="EJ87" s="128"/>
      <c r="EK87" s="129"/>
      <c r="EL87" s="129"/>
      <c r="EM87" s="129"/>
      <c r="EN87" s="129"/>
      <c r="EO87" s="129"/>
      <c r="EP87" s="129"/>
      <c r="EQ87" s="129"/>
      <c r="ER87" s="129"/>
      <c r="ES87" s="129"/>
      <c r="ET87" s="129"/>
      <c r="EU87" s="129"/>
      <c r="EV87" s="129"/>
      <c r="EW87" s="129"/>
      <c r="EX87" s="129"/>
      <c r="EY87" s="130"/>
      <c r="EZ87" s="121"/>
      <c r="FA87" s="121"/>
      <c r="FB87" s="121"/>
      <c r="FC87" s="121"/>
      <c r="FD87" s="121"/>
      <c r="FE87" s="121"/>
      <c r="FF87" s="121"/>
      <c r="FG87" s="121"/>
      <c r="FH87" s="121"/>
      <c r="FI87" s="121"/>
      <c r="FJ87" s="121"/>
      <c r="FK87" s="121"/>
      <c r="FL87" s="121"/>
      <c r="FM87" s="121"/>
      <c r="FN87" s="121"/>
      <c r="FO87" s="121"/>
      <c r="FP87" s="121"/>
      <c r="FQ87" s="121"/>
      <c r="FR87" s="121"/>
      <c r="FS87" s="121"/>
      <c r="FT87" s="121"/>
      <c r="FU87" s="121"/>
      <c r="FV87" s="121"/>
      <c r="FW87" s="121"/>
      <c r="FX87" s="121"/>
      <c r="FY87" s="121"/>
      <c r="FZ87" s="121"/>
      <c r="GA87" s="120"/>
      <c r="GB87" s="120"/>
      <c r="GC87" s="120"/>
      <c r="GD87" s="120"/>
      <c r="GE87" s="120"/>
      <c r="GF87" s="120"/>
      <c r="GG87" s="120"/>
      <c r="GH87" s="120"/>
      <c r="GI87" s="120"/>
      <c r="GJ87" s="120"/>
      <c r="GK87" s="120"/>
      <c r="GL87" s="120"/>
      <c r="GM87" s="120"/>
      <c r="GN87" s="120"/>
      <c r="GO87" s="121"/>
      <c r="GP87" s="121"/>
      <c r="GQ87" s="121"/>
      <c r="GR87" s="121"/>
      <c r="GS87" s="121"/>
      <c r="GT87" s="121"/>
      <c r="GU87" s="121"/>
      <c r="GV87" s="121"/>
      <c r="GW87" s="121"/>
      <c r="GX87" s="121"/>
      <c r="GY87" s="121"/>
      <c r="GZ87" s="121"/>
      <c r="HA87" s="121"/>
      <c r="HB87" s="121"/>
      <c r="HC87" s="121"/>
      <c r="HD87" s="121"/>
      <c r="HE87" s="121"/>
      <c r="HF87" s="121"/>
      <c r="HG87" s="121"/>
      <c r="HH87" s="121"/>
      <c r="HI87" s="121"/>
      <c r="HJ87" s="121"/>
      <c r="HK87" s="121"/>
      <c r="HL87" s="121"/>
      <c r="HM87" s="121"/>
      <c r="HN87" s="121"/>
      <c r="HO87" s="121"/>
      <c r="HP87" s="121"/>
      <c r="HQ87" s="121"/>
      <c r="HR87" s="56"/>
      <c r="HS87" s="56"/>
      <c r="HT87" s="56"/>
      <c r="HU87" s="56"/>
      <c r="HV87" s="56"/>
      <c r="HW87" s="56"/>
      <c r="HX87" s="56"/>
      <c r="HY87" s="56"/>
      <c r="HZ87" s="56"/>
      <c r="IA87" s="56"/>
      <c r="IB87" s="56"/>
      <c r="IC87" s="56"/>
    </row>
    <row r="88" spans="2:237" ht="6" customHeight="1">
      <c r="B88" s="181"/>
      <c r="C88" s="182"/>
      <c r="D88" s="182"/>
      <c r="E88" s="182"/>
      <c r="F88" s="182"/>
      <c r="G88" s="182"/>
      <c r="H88" s="182"/>
      <c r="I88" s="182"/>
      <c r="J88" s="182"/>
      <c r="K88" s="182"/>
      <c r="L88" s="182"/>
      <c r="M88" s="182"/>
      <c r="N88" s="182"/>
      <c r="O88" s="182"/>
      <c r="P88" s="182"/>
      <c r="Q88" s="182"/>
      <c r="R88" s="182"/>
      <c r="S88" s="182"/>
      <c r="T88" s="182"/>
      <c r="U88" s="182"/>
      <c r="V88" s="182"/>
      <c r="W88" s="182"/>
      <c r="X88" s="182"/>
      <c r="Y88" s="182"/>
      <c r="Z88" s="182"/>
      <c r="AA88" s="182"/>
      <c r="AB88" s="182"/>
      <c r="AC88" s="182"/>
      <c r="AD88" s="182"/>
      <c r="AE88" s="182"/>
      <c r="AF88" s="182"/>
      <c r="AG88" s="182"/>
      <c r="AH88" s="182"/>
      <c r="AI88" s="182"/>
      <c r="AJ88" s="182"/>
      <c r="AK88" s="182"/>
      <c r="AL88" s="182"/>
      <c r="AM88" s="182"/>
      <c r="AN88" s="182"/>
      <c r="AO88" s="182"/>
      <c r="AP88" s="182"/>
      <c r="AQ88" s="182"/>
      <c r="AR88" s="182"/>
      <c r="AS88" s="182"/>
      <c r="AT88" s="182"/>
      <c r="AU88" s="182"/>
      <c r="AV88" s="182"/>
      <c r="AW88" s="182"/>
      <c r="AX88" s="182"/>
      <c r="AY88" s="182"/>
      <c r="AZ88" s="183"/>
      <c r="BA88" s="112"/>
      <c r="BB88" s="113"/>
      <c r="BC88" s="113"/>
      <c r="BD88" s="113"/>
      <c r="BE88" s="113"/>
      <c r="BF88" s="113"/>
      <c r="BG88" s="113"/>
      <c r="BH88" s="113"/>
      <c r="BI88" s="113"/>
      <c r="BJ88" s="113"/>
      <c r="BK88" s="113"/>
      <c r="BL88" s="113"/>
      <c r="BM88" s="96"/>
      <c r="BN88" s="77"/>
      <c r="BO88" s="77"/>
      <c r="BP88" s="77"/>
      <c r="BQ88" s="77"/>
      <c r="BR88" s="77"/>
      <c r="BS88" s="77"/>
      <c r="BT88" s="77"/>
      <c r="BU88" s="77"/>
      <c r="BV88" s="77"/>
      <c r="BW88" s="77"/>
      <c r="BX88" s="77"/>
      <c r="BY88" s="77"/>
      <c r="BZ88" s="77"/>
      <c r="CA88" s="77"/>
      <c r="CB88" s="77"/>
      <c r="CC88" s="77"/>
      <c r="CD88" s="77"/>
      <c r="CE88" s="77"/>
      <c r="CF88" s="77"/>
      <c r="CG88" s="77"/>
      <c r="CH88" s="77"/>
      <c r="CI88" s="77"/>
      <c r="CJ88" s="77"/>
      <c r="CK88" s="77"/>
      <c r="CL88" s="77"/>
      <c r="CM88" s="77"/>
      <c r="CN88" s="77"/>
      <c r="CO88" s="77"/>
      <c r="CP88" s="108"/>
      <c r="CQ88" s="131"/>
      <c r="CR88" s="131"/>
      <c r="CS88" s="131"/>
      <c r="CT88" s="131"/>
      <c r="CU88" s="131"/>
      <c r="CV88" s="131"/>
      <c r="CW88" s="131"/>
      <c r="CX88" s="131"/>
      <c r="CY88" s="132"/>
      <c r="CZ88" s="96"/>
      <c r="DA88" s="77"/>
      <c r="DB88" s="77"/>
      <c r="DC88" s="77"/>
      <c r="DD88" s="77"/>
      <c r="DE88" s="77"/>
      <c r="DF88" s="77"/>
      <c r="DG88" s="77"/>
      <c r="DH88" s="77"/>
      <c r="DI88" s="77"/>
      <c r="DJ88" s="77"/>
      <c r="DK88" s="77"/>
      <c r="DL88" s="77"/>
      <c r="DM88" s="77"/>
      <c r="DN88" s="77"/>
      <c r="DO88" s="77"/>
      <c r="DP88" s="77"/>
      <c r="DQ88" s="77"/>
      <c r="DR88" s="77"/>
      <c r="DS88" s="77"/>
      <c r="DT88" s="77"/>
      <c r="DU88" s="77"/>
      <c r="DV88" s="77"/>
      <c r="DW88" s="77"/>
      <c r="DX88" s="77"/>
      <c r="DY88" s="77"/>
      <c r="DZ88" s="108"/>
    </row>
    <row r="89" spans="2:237" ht="6" customHeight="1">
      <c r="B89" s="147" t="s">
        <v>91</v>
      </c>
      <c r="C89" s="148"/>
      <c r="D89" s="148"/>
      <c r="E89" s="148"/>
      <c r="F89" s="148"/>
      <c r="G89" s="148"/>
      <c r="H89" s="148"/>
      <c r="I89" s="148"/>
      <c r="J89" s="148"/>
      <c r="K89" s="148"/>
      <c r="L89" s="148"/>
      <c r="M89" s="148"/>
      <c r="N89" s="148"/>
      <c r="O89" s="148"/>
      <c r="P89" s="148"/>
      <c r="Q89" s="148"/>
      <c r="R89" s="148"/>
      <c r="S89" s="148"/>
      <c r="T89" s="148"/>
      <c r="U89" s="148"/>
      <c r="V89" s="148"/>
      <c r="W89" s="148"/>
      <c r="X89" s="148"/>
      <c r="Y89" s="149"/>
      <c r="Z89" s="7"/>
      <c r="AA89" s="7"/>
      <c r="AB89" s="7"/>
      <c r="AC89" s="7"/>
      <c r="AD89" s="7"/>
      <c r="AE89" s="7"/>
      <c r="AF89" s="7"/>
      <c r="AG89" s="7"/>
      <c r="AH89" s="7"/>
      <c r="AI89" s="7"/>
      <c r="AJ89" s="7"/>
      <c r="AK89" s="7"/>
      <c r="AL89" s="7"/>
      <c r="AM89" s="7"/>
      <c r="AN89" s="7"/>
      <c r="AO89" s="7"/>
      <c r="AP89" s="7"/>
      <c r="AQ89" s="7"/>
      <c r="AR89" s="7"/>
      <c r="AS89" s="7"/>
      <c r="AT89" s="7"/>
      <c r="AU89" s="7"/>
      <c r="AV89" s="7"/>
      <c r="AW89" s="7"/>
      <c r="AX89" s="7"/>
      <c r="AY89" s="7"/>
      <c r="AZ89" s="71"/>
      <c r="BA89" s="112"/>
      <c r="BB89" s="113"/>
      <c r="BC89" s="113"/>
      <c r="BD89" s="113"/>
      <c r="BE89" s="113"/>
      <c r="BF89" s="113"/>
      <c r="BG89" s="113"/>
      <c r="BH89" s="113"/>
      <c r="BI89" s="113"/>
      <c r="BJ89" s="113"/>
      <c r="BK89" s="113"/>
      <c r="BL89" s="113"/>
      <c r="BM89" s="96"/>
      <c r="BN89" s="77"/>
      <c r="BO89" s="77"/>
      <c r="BP89" s="77"/>
      <c r="BQ89" s="77"/>
      <c r="BR89" s="77"/>
      <c r="BS89" s="77"/>
      <c r="BT89" s="77"/>
      <c r="BU89" s="77"/>
      <c r="BV89" s="77"/>
      <c r="BW89" s="77"/>
      <c r="BX89" s="77"/>
      <c r="BY89" s="77"/>
      <c r="BZ89" s="77"/>
      <c r="CA89" s="77"/>
      <c r="CB89" s="77"/>
      <c r="CC89" s="77"/>
      <c r="CD89" s="77"/>
      <c r="CE89" s="77"/>
      <c r="CF89" s="77"/>
      <c r="CG89" s="77"/>
      <c r="CH89" s="77"/>
      <c r="CI89" s="77"/>
      <c r="CJ89" s="77"/>
      <c r="CK89" s="77"/>
      <c r="CL89" s="77"/>
      <c r="CM89" s="77"/>
      <c r="CN89" s="77"/>
      <c r="CO89" s="77"/>
      <c r="CP89" s="108"/>
      <c r="CQ89" s="131"/>
      <c r="CR89" s="131"/>
      <c r="CS89" s="131"/>
      <c r="CT89" s="131"/>
      <c r="CU89" s="131"/>
      <c r="CV89" s="131"/>
      <c r="CW89" s="131"/>
      <c r="CX89" s="131"/>
      <c r="CY89" s="132"/>
      <c r="CZ89" s="96"/>
      <c r="DA89" s="77"/>
      <c r="DB89" s="77"/>
      <c r="DC89" s="77"/>
      <c r="DD89" s="77"/>
      <c r="DE89" s="77"/>
      <c r="DF89" s="77"/>
      <c r="DG89" s="77"/>
      <c r="DH89" s="77"/>
      <c r="DI89" s="77"/>
      <c r="DJ89" s="77"/>
      <c r="DK89" s="77"/>
      <c r="DL89" s="77"/>
      <c r="DM89" s="77"/>
      <c r="DN89" s="77"/>
      <c r="DO89" s="77"/>
      <c r="DP89" s="77"/>
      <c r="DQ89" s="77"/>
      <c r="DR89" s="77"/>
      <c r="DS89" s="77"/>
      <c r="DT89" s="77"/>
      <c r="DU89" s="77"/>
      <c r="DV89" s="77"/>
      <c r="DW89" s="77"/>
      <c r="DX89" s="77"/>
      <c r="DY89" s="77"/>
      <c r="DZ89" s="108"/>
      <c r="ED89" s="156" t="s">
        <v>57</v>
      </c>
      <c r="EE89" s="157"/>
      <c r="EF89" s="157"/>
      <c r="EG89" s="157"/>
      <c r="EH89" s="157"/>
      <c r="EI89" s="158"/>
      <c r="EJ89" s="165" t="s">
        <v>58</v>
      </c>
      <c r="EK89" s="166"/>
      <c r="EL89" s="166"/>
      <c r="EM89" s="166"/>
      <c r="EN89" s="166"/>
      <c r="EO89" s="166"/>
      <c r="EP89" s="166"/>
      <c r="EQ89" s="166"/>
      <c r="ER89" s="166"/>
      <c r="ES89" s="166"/>
      <c r="ET89" s="166"/>
      <c r="EU89" s="166"/>
      <c r="EV89" s="166"/>
      <c r="EW89" s="166"/>
      <c r="EX89" s="166"/>
      <c r="EY89" s="166"/>
      <c r="EZ89" s="166"/>
      <c r="FA89" s="166"/>
      <c r="FB89" s="166"/>
      <c r="FC89" s="166"/>
      <c r="FD89" s="166"/>
      <c r="FE89" s="166"/>
      <c r="FF89" s="166"/>
      <c r="FG89" s="166"/>
      <c r="FH89" s="166"/>
      <c r="FI89" s="166"/>
      <c r="FJ89" s="166"/>
      <c r="FK89" s="167"/>
      <c r="FL89" s="165" t="s">
        <v>66</v>
      </c>
      <c r="FM89" s="166"/>
      <c r="FN89" s="166"/>
      <c r="FO89" s="166"/>
      <c r="FP89" s="166"/>
      <c r="FQ89" s="166"/>
      <c r="FR89" s="166"/>
      <c r="FS89" s="166"/>
      <c r="FT89" s="166"/>
      <c r="FU89" s="166"/>
      <c r="FV89" s="166"/>
      <c r="FW89" s="166"/>
      <c r="FX89" s="166"/>
      <c r="FY89" s="166"/>
      <c r="FZ89" s="167"/>
      <c r="GA89" s="165" t="s">
        <v>59</v>
      </c>
      <c r="GB89" s="166"/>
      <c r="GC89" s="166"/>
      <c r="GD89" s="166"/>
      <c r="GE89" s="166"/>
      <c r="GF89" s="166"/>
      <c r="GG89" s="166"/>
      <c r="GH89" s="166"/>
      <c r="GI89" s="166"/>
      <c r="GJ89" s="166"/>
      <c r="GK89" s="166"/>
      <c r="GL89" s="166"/>
      <c r="GM89" s="166"/>
      <c r="GN89" s="166"/>
      <c r="GO89" s="166"/>
      <c r="GP89" s="166"/>
      <c r="GQ89" s="166"/>
      <c r="GR89" s="166"/>
      <c r="GS89" s="166"/>
      <c r="GT89" s="166"/>
      <c r="GU89" s="166"/>
      <c r="GV89" s="166"/>
      <c r="GW89" s="166"/>
      <c r="GX89" s="166"/>
      <c r="GY89" s="166"/>
      <c r="GZ89" s="166"/>
      <c r="HA89" s="166"/>
      <c r="HB89" s="167"/>
      <c r="HC89" s="165" t="s">
        <v>65</v>
      </c>
      <c r="HD89" s="166"/>
      <c r="HE89" s="166"/>
      <c r="HF89" s="166"/>
      <c r="HG89" s="166"/>
      <c r="HH89" s="166"/>
      <c r="HI89" s="166"/>
      <c r="HJ89" s="166"/>
      <c r="HK89" s="166"/>
      <c r="HL89" s="166"/>
      <c r="HM89" s="166"/>
      <c r="HN89" s="166"/>
      <c r="HO89" s="166"/>
      <c r="HP89" s="166"/>
      <c r="HQ89" s="167"/>
    </row>
    <row r="90" spans="2:237" ht="6" customHeight="1">
      <c r="B90" s="150"/>
      <c r="C90" s="151"/>
      <c r="D90" s="151"/>
      <c r="E90" s="151"/>
      <c r="F90" s="151"/>
      <c r="G90" s="151"/>
      <c r="H90" s="151"/>
      <c r="I90" s="151"/>
      <c r="J90" s="151"/>
      <c r="K90" s="151"/>
      <c r="L90" s="151"/>
      <c r="M90" s="151"/>
      <c r="N90" s="151"/>
      <c r="O90" s="151"/>
      <c r="P90" s="151"/>
      <c r="Q90" s="151"/>
      <c r="R90" s="151"/>
      <c r="S90" s="151"/>
      <c r="T90" s="151"/>
      <c r="U90" s="151"/>
      <c r="V90" s="151"/>
      <c r="W90" s="151"/>
      <c r="X90" s="151"/>
      <c r="Y90" s="152"/>
      <c r="AZ90" s="72"/>
      <c r="BA90" s="114"/>
      <c r="BB90" s="115"/>
      <c r="BC90" s="115"/>
      <c r="BD90" s="115"/>
      <c r="BE90" s="115"/>
      <c r="BF90" s="115"/>
      <c r="BG90" s="115"/>
      <c r="BH90" s="115"/>
      <c r="BI90" s="115"/>
      <c r="BJ90" s="115"/>
      <c r="BK90" s="115"/>
      <c r="BL90" s="115"/>
      <c r="BM90" s="97"/>
      <c r="BN90" s="78"/>
      <c r="BO90" s="78"/>
      <c r="BP90" s="78"/>
      <c r="BQ90" s="78"/>
      <c r="BR90" s="78"/>
      <c r="BS90" s="78"/>
      <c r="BT90" s="78"/>
      <c r="BU90" s="78"/>
      <c r="BV90" s="78"/>
      <c r="BW90" s="78"/>
      <c r="BX90" s="78"/>
      <c r="BY90" s="78"/>
      <c r="BZ90" s="78"/>
      <c r="CA90" s="78"/>
      <c r="CB90" s="78"/>
      <c r="CC90" s="78"/>
      <c r="CD90" s="78"/>
      <c r="CE90" s="78"/>
      <c r="CF90" s="78"/>
      <c r="CG90" s="78"/>
      <c r="CH90" s="78"/>
      <c r="CI90" s="78"/>
      <c r="CJ90" s="78"/>
      <c r="CK90" s="78"/>
      <c r="CL90" s="78"/>
      <c r="CM90" s="78"/>
      <c r="CN90" s="78"/>
      <c r="CO90" s="78"/>
      <c r="CP90" s="109"/>
      <c r="CQ90" s="131"/>
      <c r="CR90" s="131"/>
      <c r="CS90" s="131"/>
      <c r="CT90" s="131"/>
      <c r="CU90" s="131"/>
      <c r="CV90" s="131"/>
      <c r="CW90" s="131"/>
      <c r="CX90" s="131"/>
      <c r="CY90" s="132"/>
      <c r="CZ90" s="97"/>
      <c r="DA90" s="78"/>
      <c r="DB90" s="78"/>
      <c r="DC90" s="78"/>
      <c r="DD90" s="78"/>
      <c r="DE90" s="78"/>
      <c r="DF90" s="78"/>
      <c r="DG90" s="78"/>
      <c r="DH90" s="78"/>
      <c r="DI90" s="78"/>
      <c r="DJ90" s="78"/>
      <c r="DK90" s="78"/>
      <c r="DL90" s="78"/>
      <c r="DM90" s="78"/>
      <c r="DN90" s="78"/>
      <c r="DO90" s="78"/>
      <c r="DP90" s="78"/>
      <c r="DQ90" s="78"/>
      <c r="DR90" s="78"/>
      <c r="DS90" s="78"/>
      <c r="DT90" s="78"/>
      <c r="DU90" s="78"/>
      <c r="DV90" s="78"/>
      <c r="DW90" s="78"/>
      <c r="DX90" s="78"/>
      <c r="DY90" s="78"/>
      <c r="DZ90" s="109"/>
      <c r="ED90" s="159"/>
      <c r="EE90" s="160"/>
      <c r="EF90" s="160"/>
      <c r="EG90" s="160"/>
      <c r="EH90" s="160"/>
      <c r="EI90" s="161"/>
      <c r="EJ90" s="168"/>
      <c r="EK90" s="169"/>
      <c r="EL90" s="169"/>
      <c r="EM90" s="169"/>
      <c r="EN90" s="169"/>
      <c r="EO90" s="169"/>
      <c r="EP90" s="169"/>
      <c r="EQ90" s="169"/>
      <c r="ER90" s="169"/>
      <c r="ES90" s="169"/>
      <c r="ET90" s="169"/>
      <c r="EU90" s="169"/>
      <c r="EV90" s="169"/>
      <c r="EW90" s="169"/>
      <c r="EX90" s="169"/>
      <c r="EY90" s="169"/>
      <c r="EZ90" s="169"/>
      <c r="FA90" s="169"/>
      <c r="FB90" s="169"/>
      <c r="FC90" s="169"/>
      <c r="FD90" s="169"/>
      <c r="FE90" s="169"/>
      <c r="FF90" s="169"/>
      <c r="FG90" s="169"/>
      <c r="FH90" s="169"/>
      <c r="FI90" s="169"/>
      <c r="FJ90" s="169"/>
      <c r="FK90" s="170"/>
      <c r="FL90" s="168"/>
      <c r="FM90" s="169"/>
      <c r="FN90" s="169"/>
      <c r="FO90" s="169"/>
      <c r="FP90" s="169"/>
      <c r="FQ90" s="169"/>
      <c r="FR90" s="169"/>
      <c r="FS90" s="169"/>
      <c r="FT90" s="169"/>
      <c r="FU90" s="169"/>
      <c r="FV90" s="169"/>
      <c r="FW90" s="169"/>
      <c r="FX90" s="169"/>
      <c r="FY90" s="169"/>
      <c r="FZ90" s="170"/>
      <c r="GA90" s="168"/>
      <c r="GB90" s="169"/>
      <c r="GC90" s="169"/>
      <c r="GD90" s="169"/>
      <c r="GE90" s="169"/>
      <c r="GF90" s="169"/>
      <c r="GG90" s="169"/>
      <c r="GH90" s="169"/>
      <c r="GI90" s="169"/>
      <c r="GJ90" s="169"/>
      <c r="GK90" s="169"/>
      <c r="GL90" s="169"/>
      <c r="GM90" s="169"/>
      <c r="GN90" s="169"/>
      <c r="GO90" s="169"/>
      <c r="GP90" s="169"/>
      <c r="GQ90" s="169"/>
      <c r="GR90" s="169"/>
      <c r="GS90" s="169"/>
      <c r="GT90" s="169"/>
      <c r="GU90" s="169"/>
      <c r="GV90" s="169"/>
      <c r="GW90" s="169"/>
      <c r="GX90" s="169"/>
      <c r="GY90" s="169"/>
      <c r="GZ90" s="169"/>
      <c r="HA90" s="169"/>
      <c r="HB90" s="170"/>
      <c r="HC90" s="168"/>
      <c r="HD90" s="169"/>
      <c r="HE90" s="169"/>
      <c r="HF90" s="169"/>
      <c r="HG90" s="169"/>
      <c r="HH90" s="169"/>
      <c r="HI90" s="169"/>
      <c r="HJ90" s="169"/>
      <c r="HK90" s="169"/>
      <c r="HL90" s="169"/>
      <c r="HM90" s="169"/>
      <c r="HN90" s="169"/>
      <c r="HO90" s="169"/>
      <c r="HP90" s="169"/>
      <c r="HQ90" s="170"/>
    </row>
    <row r="91" spans="2:237" ht="6" customHeight="1">
      <c r="B91" s="150"/>
      <c r="C91" s="151"/>
      <c r="D91" s="151"/>
      <c r="E91" s="151"/>
      <c r="F91" s="151"/>
      <c r="G91" s="151"/>
      <c r="H91" s="151"/>
      <c r="I91" s="151"/>
      <c r="J91" s="151"/>
      <c r="K91" s="151"/>
      <c r="L91" s="151"/>
      <c r="M91" s="151"/>
      <c r="N91" s="151"/>
      <c r="O91" s="151"/>
      <c r="P91" s="151"/>
      <c r="Q91" s="151"/>
      <c r="R91" s="151"/>
      <c r="S91" s="151"/>
      <c r="T91" s="151"/>
      <c r="U91" s="151"/>
      <c r="V91" s="151"/>
      <c r="W91" s="151"/>
      <c r="X91" s="151"/>
      <c r="Y91" s="152"/>
      <c r="AA91" s="143"/>
      <c r="AB91" s="143"/>
      <c r="AC91" s="143"/>
      <c r="AD91" s="143"/>
      <c r="AF91" s="142" t="s">
        <v>60</v>
      </c>
      <c r="AG91" s="142"/>
      <c r="AH91" s="142"/>
      <c r="AI91" s="142"/>
      <c r="AJ91" s="142"/>
      <c r="AK91" s="142"/>
      <c r="AL91" s="142"/>
      <c r="AM91" s="142"/>
      <c r="AN91" s="142"/>
      <c r="AO91" s="142"/>
      <c r="AP91" s="142"/>
      <c r="AQ91" s="142"/>
      <c r="AR91" s="142"/>
      <c r="AS91" s="142"/>
      <c r="AT91" s="142"/>
      <c r="AU91" s="142"/>
      <c r="AV91" s="142"/>
      <c r="AW91" s="142"/>
      <c r="AX91" s="57"/>
      <c r="AY91" s="57"/>
      <c r="AZ91" s="73"/>
      <c r="BA91" s="110" t="s">
        <v>100</v>
      </c>
      <c r="BB91" s="111"/>
      <c r="BC91" s="111"/>
      <c r="BD91" s="111"/>
      <c r="BE91" s="111"/>
      <c r="BF91" s="111"/>
      <c r="BG91" s="111"/>
      <c r="BH91" s="111"/>
      <c r="BI91" s="111"/>
      <c r="BJ91" s="111"/>
      <c r="BK91" s="111"/>
      <c r="BL91" s="111"/>
      <c r="BM91" s="95"/>
      <c r="BN91" s="76"/>
      <c r="BO91" s="76"/>
      <c r="BP91" s="76"/>
      <c r="BQ91" s="76"/>
      <c r="BR91" s="76"/>
      <c r="BS91" s="76"/>
      <c r="BT91" s="76"/>
      <c r="BU91" s="76"/>
      <c r="BV91" s="76"/>
      <c r="BW91" s="76"/>
      <c r="BX91" s="76"/>
      <c r="BY91" s="76"/>
      <c r="BZ91" s="76"/>
      <c r="CA91" s="76"/>
      <c r="CB91" s="76"/>
      <c r="CC91" s="76"/>
      <c r="CD91" s="76"/>
      <c r="CE91" s="76"/>
      <c r="CF91" s="76"/>
      <c r="CG91" s="76"/>
      <c r="CH91" s="76"/>
      <c r="CI91" s="76"/>
      <c r="CJ91" s="76"/>
      <c r="CK91" s="76"/>
      <c r="CL91" s="76"/>
      <c r="CM91" s="76"/>
      <c r="CN91" s="76"/>
      <c r="CO91" s="76"/>
      <c r="CP91" s="107"/>
      <c r="CQ91" s="110" t="s">
        <v>96</v>
      </c>
      <c r="CR91" s="111"/>
      <c r="CS91" s="111"/>
      <c r="CT91" s="111"/>
      <c r="CU91" s="111"/>
      <c r="CV91" s="111"/>
      <c r="CW91" s="111"/>
      <c r="CX91" s="111"/>
      <c r="CY91" s="111"/>
      <c r="CZ91" s="95"/>
      <c r="DA91" s="76"/>
      <c r="DB91" s="76"/>
      <c r="DC91" s="76"/>
      <c r="DD91" s="76"/>
      <c r="DE91" s="76"/>
      <c r="DF91" s="76"/>
      <c r="DG91" s="76"/>
      <c r="DH91" s="76"/>
      <c r="DI91" s="76"/>
      <c r="DJ91" s="76"/>
      <c r="DK91" s="76"/>
      <c r="DL91" s="76"/>
      <c r="DM91" s="76"/>
      <c r="DN91" s="76"/>
      <c r="DO91" s="76"/>
      <c r="DP91" s="76"/>
      <c r="DQ91" s="76"/>
      <c r="DR91" s="76"/>
      <c r="DS91" s="76"/>
      <c r="DT91" s="76"/>
      <c r="DU91" s="76"/>
      <c r="DV91" s="76"/>
      <c r="DW91" s="76"/>
      <c r="DX91" s="76"/>
      <c r="DY91" s="76"/>
      <c r="DZ91" s="107"/>
      <c r="ED91" s="159"/>
      <c r="EE91" s="160"/>
      <c r="EF91" s="160"/>
      <c r="EG91" s="160"/>
      <c r="EH91" s="160"/>
      <c r="EI91" s="161"/>
      <c r="EJ91" s="133"/>
      <c r="EK91" s="134"/>
      <c r="EL91" s="134"/>
      <c r="EM91" s="134"/>
      <c r="EN91" s="134"/>
      <c r="EO91" s="134"/>
      <c r="EP91" s="134"/>
      <c r="EQ91" s="134"/>
      <c r="ER91" s="134"/>
      <c r="ES91" s="134"/>
      <c r="ET91" s="134"/>
      <c r="EU91" s="134"/>
      <c r="EV91" s="134"/>
      <c r="EW91" s="134"/>
      <c r="EX91" s="134"/>
      <c r="EY91" s="134"/>
      <c r="EZ91" s="134"/>
      <c r="FA91" s="134"/>
      <c r="FB91" s="134"/>
      <c r="FC91" s="134"/>
      <c r="FD91" s="134"/>
      <c r="FE91" s="134"/>
      <c r="FF91" s="134"/>
      <c r="FG91" s="134"/>
      <c r="FH91" s="134"/>
      <c r="FI91" s="134"/>
      <c r="FJ91" s="134"/>
      <c r="FK91" s="135"/>
      <c r="FL91" s="133"/>
      <c r="FM91" s="134"/>
      <c r="FN91" s="134"/>
      <c r="FO91" s="134"/>
      <c r="FP91" s="134"/>
      <c r="FQ91" s="134"/>
      <c r="FR91" s="134"/>
      <c r="FS91" s="134"/>
      <c r="FT91" s="134"/>
      <c r="FU91" s="134"/>
      <c r="FV91" s="134"/>
      <c r="FW91" s="134"/>
      <c r="FX91" s="134"/>
      <c r="FY91" s="134"/>
      <c r="FZ91" s="135"/>
      <c r="GA91" s="133"/>
      <c r="GB91" s="134"/>
      <c r="GC91" s="134"/>
      <c r="GD91" s="134"/>
      <c r="GE91" s="134"/>
      <c r="GF91" s="134"/>
      <c r="GG91" s="134"/>
      <c r="GH91" s="134"/>
      <c r="GI91" s="134"/>
      <c r="GJ91" s="134"/>
      <c r="GK91" s="134"/>
      <c r="GL91" s="134"/>
      <c r="GM91" s="134"/>
      <c r="GN91" s="134"/>
      <c r="GO91" s="134"/>
      <c r="GP91" s="134"/>
      <c r="GQ91" s="134"/>
      <c r="GR91" s="134"/>
      <c r="GS91" s="134"/>
      <c r="GT91" s="134"/>
      <c r="GU91" s="134"/>
      <c r="GV91" s="134"/>
      <c r="GW91" s="134"/>
      <c r="GX91" s="134"/>
      <c r="GY91" s="134"/>
      <c r="GZ91" s="134"/>
      <c r="HA91" s="134"/>
      <c r="HB91" s="135"/>
      <c r="HC91" s="133"/>
      <c r="HD91" s="134"/>
      <c r="HE91" s="134"/>
      <c r="HF91" s="134"/>
      <c r="HG91" s="134"/>
      <c r="HH91" s="134"/>
      <c r="HI91" s="134"/>
      <c r="HJ91" s="134"/>
      <c r="HK91" s="134"/>
      <c r="HL91" s="134"/>
      <c r="HM91" s="134"/>
      <c r="HN91" s="134"/>
      <c r="HO91" s="134"/>
      <c r="HP91" s="134"/>
      <c r="HQ91" s="135"/>
    </row>
    <row r="92" spans="2:237" ht="6" customHeight="1">
      <c r="B92" s="150"/>
      <c r="C92" s="151"/>
      <c r="D92" s="151"/>
      <c r="E92" s="151"/>
      <c r="F92" s="151"/>
      <c r="G92" s="151"/>
      <c r="H92" s="151"/>
      <c r="I92" s="151"/>
      <c r="J92" s="151"/>
      <c r="K92" s="151"/>
      <c r="L92" s="151"/>
      <c r="M92" s="151"/>
      <c r="N92" s="151"/>
      <c r="O92" s="151"/>
      <c r="P92" s="151"/>
      <c r="Q92" s="151"/>
      <c r="R92" s="151"/>
      <c r="S92" s="151"/>
      <c r="T92" s="151"/>
      <c r="U92" s="151"/>
      <c r="V92" s="151"/>
      <c r="W92" s="151"/>
      <c r="X92" s="151"/>
      <c r="Y92" s="152"/>
      <c r="AA92" s="143"/>
      <c r="AB92" s="143"/>
      <c r="AC92" s="143"/>
      <c r="AD92" s="143"/>
      <c r="AF92" s="142"/>
      <c r="AG92" s="142"/>
      <c r="AH92" s="142"/>
      <c r="AI92" s="142"/>
      <c r="AJ92" s="142"/>
      <c r="AK92" s="142"/>
      <c r="AL92" s="142"/>
      <c r="AM92" s="142"/>
      <c r="AN92" s="142"/>
      <c r="AO92" s="142"/>
      <c r="AP92" s="142"/>
      <c r="AQ92" s="142"/>
      <c r="AR92" s="142"/>
      <c r="AS92" s="142"/>
      <c r="AT92" s="142"/>
      <c r="AU92" s="142"/>
      <c r="AV92" s="142"/>
      <c r="AW92" s="142"/>
      <c r="AX92" s="57"/>
      <c r="AY92" s="57"/>
      <c r="AZ92" s="73"/>
      <c r="BA92" s="112"/>
      <c r="BB92" s="113"/>
      <c r="BC92" s="113"/>
      <c r="BD92" s="113"/>
      <c r="BE92" s="113"/>
      <c r="BF92" s="113"/>
      <c r="BG92" s="113"/>
      <c r="BH92" s="113"/>
      <c r="BI92" s="113"/>
      <c r="BJ92" s="113"/>
      <c r="BK92" s="113"/>
      <c r="BL92" s="113"/>
      <c r="BM92" s="96"/>
      <c r="BN92" s="77"/>
      <c r="BO92" s="77"/>
      <c r="BP92" s="77"/>
      <c r="BQ92" s="77"/>
      <c r="BR92" s="77"/>
      <c r="BS92" s="77"/>
      <c r="BT92" s="77"/>
      <c r="BU92" s="77"/>
      <c r="BV92" s="77"/>
      <c r="BW92" s="77"/>
      <c r="BX92" s="77"/>
      <c r="BY92" s="77"/>
      <c r="BZ92" s="77"/>
      <c r="CA92" s="77"/>
      <c r="CB92" s="77"/>
      <c r="CC92" s="77"/>
      <c r="CD92" s="77"/>
      <c r="CE92" s="77"/>
      <c r="CF92" s="77"/>
      <c r="CG92" s="77"/>
      <c r="CH92" s="77"/>
      <c r="CI92" s="77"/>
      <c r="CJ92" s="77"/>
      <c r="CK92" s="77"/>
      <c r="CL92" s="77"/>
      <c r="CM92" s="77"/>
      <c r="CN92" s="77"/>
      <c r="CO92" s="77"/>
      <c r="CP92" s="108"/>
      <c r="CQ92" s="112"/>
      <c r="CR92" s="113"/>
      <c r="CS92" s="113"/>
      <c r="CT92" s="113"/>
      <c r="CU92" s="113"/>
      <c r="CV92" s="113"/>
      <c r="CW92" s="113"/>
      <c r="CX92" s="113"/>
      <c r="CY92" s="113"/>
      <c r="CZ92" s="96"/>
      <c r="DA92" s="77"/>
      <c r="DB92" s="77"/>
      <c r="DC92" s="77"/>
      <c r="DD92" s="77"/>
      <c r="DE92" s="77"/>
      <c r="DF92" s="77"/>
      <c r="DG92" s="77"/>
      <c r="DH92" s="77"/>
      <c r="DI92" s="77"/>
      <c r="DJ92" s="77"/>
      <c r="DK92" s="77"/>
      <c r="DL92" s="77"/>
      <c r="DM92" s="77"/>
      <c r="DN92" s="77"/>
      <c r="DO92" s="77"/>
      <c r="DP92" s="77"/>
      <c r="DQ92" s="77"/>
      <c r="DR92" s="77"/>
      <c r="DS92" s="77"/>
      <c r="DT92" s="77"/>
      <c r="DU92" s="77"/>
      <c r="DV92" s="77"/>
      <c r="DW92" s="77"/>
      <c r="DX92" s="77"/>
      <c r="DY92" s="77"/>
      <c r="DZ92" s="108"/>
      <c r="ED92" s="159"/>
      <c r="EE92" s="160"/>
      <c r="EF92" s="160"/>
      <c r="EG92" s="160"/>
      <c r="EH92" s="160"/>
      <c r="EI92" s="161"/>
      <c r="EJ92" s="136"/>
      <c r="EK92" s="137"/>
      <c r="EL92" s="137"/>
      <c r="EM92" s="137"/>
      <c r="EN92" s="137"/>
      <c r="EO92" s="137"/>
      <c r="EP92" s="137"/>
      <c r="EQ92" s="137"/>
      <c r="ER92" s="137"/>
      <c r="ES92" s="137"/>
      <c r="ET92" s="137"/>
      <c r="EU92" s="137"/>
      <c r="EV92" s="137"/>
      <c r="EW92" s="137"/>
      <c r="EX92" s="137"/>
      <c r="EY92" s="137"/>
      <c r="EZ92" s="137"/>
      <c r="FA92" s="137"/>
      <c r="FB92" s="137"/>
      <c r="FC92" s="137"/>
      <c r="FD92" s="137"/>
      <c r="FE92" s="137"/>
      <c r="FF92" s="137"/>
      <c r="FG92" s="137"/>
      <c r="FH92" s="137"/>
      <c r="FI92" s="137"/>
      <c r="FJ92" s="137"/>
      <c r="FK92" s="138"/>
      <c r="FL92" s="136"/>
      <c r="FM92" s="137"/>
      <c r="FN92" s="137"/>
      <c r="FO92" s="137"/>
      <c r="FP92" s="137"/>
      <c r="FQ92" s="137"/>
      <c r="FR92" s="137"/>
      <c r="FS92" s="137"/>
      <c r="FT92" s="137"/>
      <c r="FU92" s="137"/>
      <c r="FV92" s="137"/>
      <c r="FW92" s="137"/>
      <c r="FX92" s="137"/>
      <c r="FY92" s="137"/>
      <c r="FZ92" s="138"/>
      <c r="GA92" s="136"/>
      <c r="GB92" s="137"/>
      <c r="GC92" s="137"/>
      <c r="GD92" s="137"/>
      <c r="GE92" s="137"/>
      <c r="GF92" s="137"/>
      <c r="GG92" s="137"/>
      <c r="GH92" s="137"/>
      <c r="GI92" s="137"/>
      <c r="GJ92" s="137"/>
      <c r="GK92" s="137"/>
      <c r="GL92" s="137"/>
      <c r="GM92" s="137"/>
      <c r="GN92" s="137"/>
      <c r="GO92" s="137"/>
      <c r="GP92" s="137"/>
      <c r="GQ92" s="137"/>
      <c r="GR92" s="137"/>
      <c r="GS92" s="137"/>
      <c r="GT92" s="137"/>
      <c r="GU92" s="137"/>
      <c r="GV92" s="137"/>
      <c r="GW92" s="137"/>
      <c r="GX92" s="137"/>
      <c r="GY92" s="137"/>
      <c r="GZ92" s="137"/>
      <c r="HA92" s="137"/>
      <c r="HB92" s="138"/>
      <c r="HC92" s="136"/>
      <c r="HD92" s="137"/>
      <c r="HE92" s="137"/>
      <c r="HF92" s="137"/>
      <c r="HG92" s="137"/>
      <c r="HH92" s="137"/>
      <c r="HI92" s="137"/>
      <c r="HJ92" s="137"/>
      <c r="HK92" s="137"/>
      <c r="HL92" s="137"/>
      <c r="HM92" s="137"/>
      <c r="HN92" s="137"/>
      <c r="HO92" s="137"/>
      <c r="HP92" s="137"/>
      <c r="HQ92" s="138"/>
    </row>
    <row r="93" spans="2:237" ht="6" customHeight="1">
      <c r="B93" s="150"/>
      <c r="C93" s="151"/>
      <c r="D93" s="151"/>
      <c r="E93" s="151"/>
      <c r="F93" s="151"/>
      <c r="G93" s="151"/>
      <c r="H93" s="151"/>
      <c r="I93" s="151"/>
      <c r="J93" s="151"/>
      <c r="K93" s="151"/>
      <c r="L93" s="151"/>
      <c r="M93" s="151"/>
      <c r="N93" s="151"/>
      <c r="O93" s="151"/>
      <c r="P93" s="151"/>
      <c r="Q93" s="151"/>
      <c r="R93" s="151"/>
      <c r="S93" s="151"/>
      <c r="T93" s="151"/>
      <c r="U93" s="151"/>
      <c r="V93" s="151"/>
      <c r="W93" s="151"/>
      <c r="X93" s="151"/>
      <c r="Y93" s="152"/>
      <c r="AZ93" s="72"/>
      <c r="BA93" s="112"/>
      <c r="BB93" s="113"/>
      <c r="BC93" s="113"/>
      <c r="BD93" s="113"/>
      <c r="BE93" s="113"/>
      <c r="BF93" s="113"/>
      <c r="BG93" s="113"/>
      <c r="BH93" s="113"/>
      <c r="BI93" s="113"/>
      <c r="BJ93" s="113"/>
      <c r="BK93" s="113"/>
      <c r="BL93" s="113"/>
      <c r="BM93" s="96"/>
      <c r="BN93" s="77"/>
      <c r="BO93" s="77"/>
      <c r="BP93" s="77"/>
      <c r="BQ93" s="77"/>
      <c r="BR93" s="77"/>
      <c r="BS93" s="77"/>
      <c r="BT93" s="77"/>
      <c r="BU93" s="77"/>
      <c r="BV93" s="77"/>
      <c r="BW93" s="77"/>
      <c r="BX93" s="77"/>
      <c r="BY93" s="77"/>
      <c r="BZ93" s="77"/>
      <c r="CA93" s="77"/>
      <c r="CB93" s="77"/>
      <c r="CC93" s="77"/>
      <c r="CD93" s="77"/>
      <c r="CE93" s="77"/>
      <c r="CF93" s="77"/>
      <c r="CG93" s="77"/>
      <c r="CH93" s="77"/>
      <c r="CI93" s="77"/>
      <c r="CJ93" s="77"/>
      <c r="CK93" s="77"/>
      <c r="CL93" s="77"/>
      <c r="CM93" s="77"/>
      <c r="CN93" s="77"/>
      <c r="CO93" s="77"/>
      <c r="CP93" s="108"/>
      <c r="CQ93" s="112"/>
      <c r="CR93" s="113"/>
      <c r="CS93" s="113"/>
      <c r="CT93" s="113"/>
      <c r="CU93" s="113"/>
      <c r="CV93" s="113"/>
      <c r="CW93" s="113"/>
      <c r="CX93" s="113"/>
      <c r="CY93" s="113"/>
      <c r="CZ93" s="96"/>
      <c r="DA93" s="77"/>
      <c r="DB93" s="77"/>
      <c r="DC93" s="77"/>
      <c r="DD93" s="77"/>
      <c r="DE93" s="77"/>
      <c r="DF93" s="77"/>
      <c r="DG93" s="77"/>
      <c r="DH93" s="77"/>
      <c r="DI93" s="77"/>
      <c r="DJ93" s="77"/>
      <c r="DK93" s="77"/>
      <c r="DL93" s="77"/>
      <c r="DM93" s="77"/>
      <c r="DN93" s="77"/>
      <c r="DO93" s="77"/>
      <c r="DP93" s="77"/>
      <c r="DQ93" s="77"/>
      <c r="DR93" s="77"/>
      <c r="DS93" s="77"/>
      <c r="DT93" s="77"/>
      <c r="DU93" s="77"/>
      <c r="DV93" s="77"/>
      <c r="DW93" s="77"/>
      <c r="DX93" s="77"/>
      <c r="DY93" s="77"/>
      <c r="DZ93" s="108"/>
      <c r="ED93" s="159"/>
      <c r="EE93" s="160"/>
      <c r="EF93" s="160"/>
      <c r="EG93" s="160"/>
      <c r="EH93" s="160"/>
      <c r="EI93" s="161"/>
      <c r="EJ93" s="136"/>
      <c r="EK93" s="137"/>
      <c r="EL93" s="137"/>
      <c r="EM93" s="137"/>
      <c r="EN93" s="137"/>
      <c r="EO93" s="137"/>
      <c r="EP93" s="137"/>
      <c r="EQ93" s="137"/>
      <c r="ER93" s="137"/>
      <c r="ES93" s="137"/>
      <c r="ET93" s="137"/>
      <c r="EU93" s="137"/>
      <c r="EV93" s="137"/>
      <c r="EW93" s="137"/>
      <c r="EX93" s="137"/>
      <c r="EY93" s="137"/>
      <c r="EZ93" s="137"/>
      <c r="FA93" s="137"/>
      <c r="FB93" s="137"/>
      <c r="FC93" s="137"/>
      <c r="FD93" s="137"/>
      <c r="FE93" s="137"/>
      <c r="FF93" s="137"/>
      <c r="FG93" s="137"/>
      <c r="FH93" s="137"/>
      <c r="FI93" s="137"/>
      <c r="FJ93" s="137"/>
      <c r="FK93" s="138"/>
      <c r="FL93" s="136"/>
      <c r="FM93" s="137"/>
      <c r="FN93" s="137"/>
      <c r="FO93" s="137"/>
      <c r="FP93" s="137"/>
      <c r="FQ93" s="137"/>
      <c r="FR93" s="137"/>
      <c r="FS93" s="137"/>
      <c r="FT93" s="137"/>
      <c r="FU93" s="137"/>
      <c r="FV93" s="137"/>
      <c r="FW93" s="137"/>
      <c r="FX93" s="137"/>
      <c r="FY93" s="137"/>
      <c r="FZ93" s="138"/>
      <c r="GA93" s="136"/>
      <c r="GB93" s="137"/>
      <c r="GC93" s="137"/>
      <c r="GD93" s="137"/>
      <c r="GE93" s="137"/>
      <c r="GF93" s="137"/>
      <c r="GG93" s="137"/>
      <c r="GH93" s="137"/>
      <c r="GI93" s="137"/>
      <c r="GJ93" s="137"/>
      <c r="GK93" s="137"/>
      <c r="GL93" s="137"/>
      <c r="GM93" s="137"/>
      <c r="GN93" s="137"/>
      <c r="GO93" s="137"/>
      <c r="GP93" s="137"/>
      <c r="GQ93" s="137"/>
      <c r="GR93" s="137"/>
      <c r="GS93" s="137"/>
      <c r="GT93" s="137"/>
      <c r="GU93" s="137"/>
      <c r="GV93" s="137"/>
      <c r="GW93" s="137"/>
      <c r="GX93" s="137"/>
      <c r="GY93" s="137"/>
      <c r="GZ93" s="137"/>
      <c r="HA93" s="137"/>
      <c r="HB93" s="138"/>
      <c r="HC93" s="136"/>
      <c r="HD93" s="137"/>
      <c r="HE93" s="137"/>
      <c r="HF93" s="137"/>
      <c r="HG93" s="137"/>
      <c r="HH93" s="137"/>
      <c r="HI93" s="137"/>
      <c r="HJ93" s="137"/>
      <c r="HK93" s="137"/>
      <c r="HL93" s="137"/>
      <c r="HM93" s="137"/>
      <c r="HN93" s="137"/>
      <c r="HO93" s="137"/>
      <c r="HP93" s="137"/>
      <c r="HQ93" s="138"/>
    </row>
    <row r="94" spans="2:237" ht="6" customHeight="1">
      <c r="B94" s="150"/>
      <c r="C94" s="151"/>
      <c r="D94" s="151"/>
      <c r="E94" s="151"/>
      <c r="F94" s="151"/>
      <c r="G94" s="151"/>
      <c r="H94" s="151"/>
      <c r="I94" s="151"/>
      <c r="J94" s="151"/>
      <c r="K94" s="151"/>
      <c r="L94" s="151"/>
      <c r="M94" s="151"/>
      <c r="N94" s="151"/>
      <c r="O94" s="151"/>
      <c r="P94" s="151"/>
      <c r="Q94" s="151"/>
      <c r="R94" s="151"/>
      <c r="S94" s="151"/>
      <c r="T94" s="151"/>
      <c r="U94" s="151"/>
      <c r="V94" s="151"/>
      <c r="W94" s="151"/>
      <c r="X94" s="151"/>
      <c r="Y94" s="152"/>
      <c r="AZ94" s="72"/>
      <c r="BA94" s="114"/>
      <c r="BB94" s="115"/>
      <c r="BC94" s="115"/>
      <c r="BD94" s="115"/>
      <c r="BE94" s="115"/>
      <c r="BF94" s="115"/>
      <c r="BG94" s="115"/>
      <c r="BH94" s="115"/>
      <c r="BI94" s="115"/>
      <c r="BJ94" s="115"/>
      <c r="BK94" s="115"/>
      <c r="BL94" s="115"/>
      <c r="BM94" s="97"/>
      <c r="BN94" s="78"/>
      <c r="BO94" s="78"/>
      <c r="BP94" s="78"/>
      <c r="BQ94" s="78"/>
      <c r="BR94" s="78"/>
      <c r="BS94" s="78"/>
      <c r="BT94" s="78"/>
      <c r="BU94" s="78"/>
      <c r="BV94" s="78"/>
      <c r="BW94" s="78"/>
      <c r="BX94" s="78"/>
      <c r="BY94" s="78"/>
      <c r="BZ94" s="78"/>
      <c r="CA94" s="78"/>
      <c r="CB94" s="78"/>
      <c r="CC94" s="78"/>
      <c r="CD94" s="78"/>
      <c r="CE94" s="78"/>
      <c r="CF94" s="78"/>
      <c r="CG94" s="78"/>
      <c r="CH94" s="78"/>
      <c r="CI94" s="78"/>
      <c r="CJ94" s="78"/>
      <c r="CK94" s="78"/>
      <c r="CL94" s="78"/>
      <c r="CM94" s="78"/>
      <c r="CN94" s="78"/>
      <c r="CO94" s="78"/>
      <c r="CP94" s="109"/>
      <c r="CQ94" s="114"/>
      <c r="CR94" s="115"/>
      <c r="CS94" s="115"/>
      <c r="CT94" s="115"/>
      <c r="CU94" s="115"/>
      <c r="CV94" s="115"/>
      <c r="CW94" s="115"/>
      <c r="CX94" s="115"/>
      <c r="CY94" s="115"/>
      <c r="CZ94" s="97"/>
      <c r="DA94" s="78"/>
      <c r="DB94" s="78"/>
      <c r="DC94" s="78"/>
      <c r="DD94" s="78"/>
      <c r="DE94" s="78"/>
      <c r="DF94" s="78"/>
      <c r="DG94" s="78"/>
      <c r="DH94" s="78"/>
      <c r="DI94" s="78"/>
      <c r="DJ94" s="78"/>
      <c r="DK94" s="78"/>
      <c r="DL94" s="78"/>
      <c r="DM94" s="78"/>
      <c r="DN94" s="78"/>
      <c r="DO94" s="78"/>
      <c r="DP94" s="78"/>
      <c r="DQ94" s="78"/>
      <c r="DR94" s="78"/>
      <c r="DS94" s="78"/>
      <c r="DT94" s="78"/>
      <c r="DU94" s="78"/>
      <c r="DV94" s="78"/>
      <c r="DW94" s="78"/>
      <c r="DX94" s="78"/>
      <c r="DY94" s="78"/>
      <c r="DZ94" s="109"/>
      <c r="ED94" s="159"/>
      <c r="EE94" s="160"/>
      <c r="EF94" s="160"/>
      <c r="EG94" s="160"/>
      <c r="EH94" s="160"/>
      <c r="EI94" s="161"/>
      <c r="EJ94" s="136"/>
      <c r="EK94" s="137"/>
      <c r="EL94" s="137"/>
      <c r="EM94" s="137"/>
      <c r="EN94" s="137"/>
      <c r="EO94" s="137"/>
      <c r="EP94" s="137"/>
      <c r="EQ94" s="137"/>
      <c r="ER94" s="137"/>
      <c r="ES94" s="137"/>
      <c r="ET94" s="137"/>
      <c r="EU94" s="137"/>
      <c r="EV94" s="137"/>
      <c r="EW94" s="137"/>
      <c r="EX94" s="137"/>
      <c r="EY94" s="137"/>
      <c r="EZ94" s="137"/>
      <c r="FA94" s="137"/>
      <c r="FB94" s="137"/>
      <c r="FC94" s="137"/>
      <c r="FD94" s="137"/>
      <c r="FE94" s="137"/>
      <c r="FF94" s="137"/>
      <c r="FG94" s="137"/>
      <c r="FH94" s="137"/>
      <c r="FI94" s="137"/>
      <c r="FJ94" s="137"/>
      <c r="FK94" s="138"/>
      <c r="FL94" s="136"/>
      <c r="FM94" s="137"/>
      <c r="FN94" s="137"/>
      <c r="FO94" s="137"/>
      <c r="FP94" s="137"/>
      <c r="FQ94" s="137"/>
      <c r="FR94" s="137"/>
      <c r="FS94" s="137"/>
      <c r="FT94" s="137"/>
      <c r="FU94" s="137"/>
      <c r="FV94" s="137"/>
      <c r="FW94" s="137"/>
      <c r="FX94" s="137"/>
      <c r="FY94" s="137"/>
      <c r="FZ94" s="138"/>
      <c r="GA94" s="136"/>
      <c r="GB94" s="137"/>
      <c r="GC94" s="137"/>
      <c r="GD94" s="137"/>
      <c r="GE94" s="137"/>
      <c r="GF94" s="137"/>
      <c r="GG94" s="137"/>
      <c r="GH94" s="137"/>
      <c r="GI94" s="137"/>
      <c r="GJ94" s="137"/>
      <c r="GK94" s="137"/>
      <c r="GL94" s="137"/>
      <c r="GM94" s="137"/>
      <c r="GN94" s="137"/>
      <c r="GO94" s="137"/>
      <c r="GP94" s="137"/>
      <c r="GQ94" s="137"/>
      <c r="GR94" s="137"/>
      <c r="GS94" s="137"/>
      <c r="GT94" s="137"/>
      <c r="GU94" s="137"/>
      <c r="GV94" s="137"/>
      <c r="GW94" s="137"/>
      <c r="GX94" s="137"/>
      <c r="GY94" s="137"/>
      <c r="GZ94" s="137"/>
      <c r="HA94" s="137"/>
      <c r="HB94" s="138"/>
      <c r="HC94" s="136"/>
      <c r="HD94" s="137"/>
      <c r="HE94" s="137"/>
      <c r="HF94" s="137"/>
      <c r="HG94" s="137"/>
      <c r="HH94" s="137"/>
      <c r="HI94" s="137"/>
      <c r="HJ94" s="137"/>
      <c r="HK94" s="137"/>
      <c r="HL94" s="137"/>
      <c r="HM94" s="137"/>
      <c r="HN94" s="137"/>
      <c r="HO94" s="137"/>
      <c r="HP94" s="137"/>
      <c r="HQ94" s="138"/>
    </row>
    <row r="95" spans="2:237" ht="6" customHeight="1">
      <c r="B95" s="150"/>
      <c r="C95" s="151"/>
      <c r="D95" s="151"/>
      <c r="E95" s="151"/>
      <c r="F95" s="151"/>
      <c r="G95" s="151"/>
      <c r="H95" s="151"/>
      <c r="I95" s="151"/>
      <c r="J95" s="151"/>
      <c r="K95" s="151"/>
      <c r="L95" s="151"/>
      <c r="M95" s="151"/>
      <c r="N95" s="151"/>
      <c r="O95" s="151"/>
      <c r="P95" s="151"/>
      <c r="Q95" s="151"/>
      <c r="R95" s="151"/>
      <c r="S95" s="151"/>
      <c r="T95" s="151"/>
      <c r="U95" s="151"/>
      <c r="V95" s="151"/>
      <c r="W95" s="151"/>
      <c r="X95" s="151"/>
      <c r="Y95" s="152"/>
      <c r="Z95" s="58"/>
      <c r="AA95" s="58"/>
      <c r="AZ95" s="72"/>
      <c r="BA95" s="110" t="s">
        <v>101</v>
      </c>
      <c r="BB95" s="111"/>
      <c r="BC95" s="111"/>
      <c r="BD95" s="111"/>
      <c r="BE95" s="111"/>
      <c r="BF95" s="111"/>
      <c r="BG95" s="111"/>
      <c r="BH95" s="111"/>
      <c r="BI95" s="111"/>
      <c r="BJ95" s="111"/>
      <c r="BK95" s="111"/>
      <c r="BL95" s="111"/>
      <c r="BM95" s="95"/>
      <c r="BN95" s="76"/>
      <c r="BO95" s="76"/>
      <c r="BP95" s="76"/>
      <c r="BQ95" s="76"/>
      <c r="BR95" s="76"/>
      <c r="BS95" s="76"/>
      <c r="BT95" s="76"/>
      <c r="BU95" s="76"/>
      <c r="BV95" s="76"/>
      <c r="BW95" s="76"/>
      <c r="BX95" s="76"/>
      <c r="BY95" s="76"/>
      <c r="BZ95" s="76"/>
      <c r="CA95" s="76"/>
      <c r="CB95" s="76"/>
      <c r="CC95" s="76"/>
      <c r="CD95" s="76"/>
      <c r="CE95" s="76"/>
      <c r="CF95" s="76"/>
      <c r="CG95" s="76"/>
      <c r="CH95" s="76"/>
      <c r="CI95" s="76"/>
      <c r="CJ95" s="76"/>
      <c r="CK95" s="76"/>
      <c r="CL95" s="76"/>
      <c r="CM95" s="76"/>
      <c r="CN95" s="76"/>
      <c r="CO95" s="76"/>
      <c r="CP95" s="107"/>
      <c r="CQ95" s="110" t="s">
        <v>102</v>
      </c>
      <c r="CR95" s="111"/>
      <c r="CS95" s="111"/>
      <c r="CT95" s="111"/>
      <c r="CU95" s="111"/>
      <c r="CV95" s="111"/>
      <c r="CW95" s="111"/>
      <c r="CX95" s="111"/>
      <c r="CY95" s="111"/>
      <c r="CZ95" s="95"/>
      <c r="DA95" s="76"/>
      <c r="DB95" s="76"/>
      <c r="DC95" s="76"/>
      <c r="DD95" s="76"/>
      <c r="DE95" s="76"/>
      <c r="DF95" s="76"/>
      <c r="DG95" s="76"/>
      <c r="DH95" s="76"/>
      <c r="DI95" s="76"/>
      <c r="DJ95" s="76"/>
      <c r="DK95" s="76"/>
      <c r="DL95" s="76"/>
      <c r="DM95" s="76"/>
      <c r="DN95" s="76"/>
      <c r="DO95" s="76"/>
      <c r="DP95" s="76"/>
      <c r="DQ95" s="76"/>
      <c r="DR95" s="76"/>
      <c r="DS95" s="76"/>
      <c r="DT95" s="76"/>
      <c r="DU95" s="76"/>
      <c r="DV95" s="76"/>
      <c r="DW95" s="76"/>
      <c r="DX95" s="76"/>
      <c r="DY95" s="76"/>
      <c r="DZ95" s="107"/>
      <c r="ED95" s="159"/>
      <c r="EE95" s="160"/>
      <c r="EF95" s="160"/>
      <c r="EG95" s="160"/>
      <c r="EH95" s="160"/>
      <c r="EI95" s="161"/>
      <c r="EJ95" s="136"/>
      <c r="EK95" s="137"/>
      <c r="EL95" s="137"/>
      <c r="EM95" s="137"/>
      <c r="EN95" s="137"/>
      <c r="EO95" s="137"/>
      <c r="EP95" s="137"/>
      <c r="EQ95" s="137"/>
      <c r="ER95" s="137"/>
      <c r="ES95" s="137"/>
      <c r="ET95" s="137"/>
      <c r="EU95" s="137"/>
      <c r="EV95" s="137"/>
      <c r="EW95" s="137"/>
      <c r="EX95" s="137"/>
      <c r="EY95" s="137"/>
      <c r="EZ95" s="137"/>
      <c r="FA95" s="137"/>
      <c r="FB95" s="137"/>
      <c r="FC95" s="137"/>
      <c r="FD95" s="137"/>
      <c r="FE95" s="137"/>
      <c r="FF95" s="137"/>
      <c r="FG95" s="137"/>
      <c r="FH95" s="137"/>
      <c r="FI95" s="137"/>
      <c r="FJ95" s="137"/>
      <c r="FK95" s="138"/>
      <c r="FL95" s="136"/>
      <c r="FM95" s="137"/>
      <c r="FN95" s="137"/>
      <c r="FO95" s="137"/>
      <c r="FP95" s="137"/>
      <c r="FQ95" s="137"/>
      <c r="FR95" s="137"/>
      <c r="FS95" s="137"/>
      <c r="FT95" s="137"/>
      <c r="FU95" s="137"/>
      <c r="FV95" s="137"/>
      <c r="FW95" s="137"/>
      <c r="FX95" s="137"/>
      <c r="FY95" s="137"/>
      <c r="FZ95" s="138"/>
      <c r="GA95" s="136"/>
      <c r="GB95" s="137"/>
      <c r="GC95" s="137"/>
      <c r="GD95" s="137"/>
      <c r="GE95" s="137"/>
      <c r="GF95" s="137"/>
      <c r="GG95" s="137"/>
      <c r="GH95" s="137"/>
      <c r="GI95" s="137"/>
      <c r="GJ95" s="137"/>
      <c r="GK95" s="137"/>
      <c r="GL95" s="137"/>
      <c r="GM95" s="137"/>
      <c r="GN95" s="137"/>
      <c r="GO95" s="137"/>
      <c r="GP95" s="137"/>
      <c r="GQ95" s="137"/>
      <c r="GR95" s="137"/>
      <c r="GS95" s="137"/>
      <c r="GT95" s="137"/>
      <c r="GU95" s="137"/>
      <c r="GV95" s="137"/>
      <c r="GW95" s="137"/>
      <c r="GX95" s="137"/>
      <c r="GY95" s="137"/>
      <c r="GZ95" s="137"/>
      <c r="HA95" s="137"/>
      <c r="HB95" s="138"/>
      <c r="HC95" s="136"/>
      <c r="HD95" s="137"/>
      <c r="HE95" s="137"/>
      <c r="HF95" s="137"/>
      <c r="HG95" s="137"/>
      <c r="HH95" s="137"/>
      <c r="HI95" s="137"/>
      <c r="HJ95" s="137"/>
      <c r="HK95" s="137"/>
      <c r="HL95" s="137"/>
      <c r="HM95" s="137"/>
      <c r="HN95" s="137"/>
      <c r="HO95" s="137"/>
      <c r="HP95" s="137"/>
      <c r="HQ95" s="138"/>
    </row>
    <row r="96" spans="2:237" ht="6" customHeight="1">
      <c r="B96" s="150"/>
      <c r="C96" s="151"/>
      <c r="D96" s="151"/>
      <c r="E96" s="151"/>
      <c r="F96" s="151"/>
      <c r="G96" s="151"/>
      <c r="H96" s="151"/>
      <c r="I96" s="151"/>
      <c r="J96" s="151"/>
      <c r="K96" s="151"/>
      <c r="L96" s="151"/>
      <c r="M96" s="151"/>
      <c r="N96" s="151"/>
      <c r="O96" s="151"/>
      <c r="P96" s="151"/>
      <c r="Q96" s="151"/>
      <c r="R96" s="151"/>
      <c r="S96" s="151"/>
      <c r="T96" s="151"/>
      <c r="U96" s="151"/>
      <c r="V96" s="151"/>
      <c r="W96" s="151"/>
      <c r="X96" s="151"/>
      <c r="Y96" s="152"/>
      <c r="AA96" s="144"/>
      <c r="AB96" s="144"/>
      <c r="AC96" s="144"/>
      <c r="AD96" s="144"/>
      <c r="AE96" s="144"/>
      <c r="AF96" s="144"/>
      <c r="AG96" s="144"/>
      <c r="AH96" s="144"/>
      <c r="AI96" s="144"/>
      <c r="AJ96" s="144"/>
      <c r="AK96" s="144"/>
      <c r="AL96" s="144"/>
      <c r="AM96" s="144"/>
      <c r="AN96" s="144"/>
      <c r="AO96" s="144"/>
      <c r="AP96" s="144"/>
      <c r="AQ96" s="144"/>
      <c r="AR96" s="144"/>
      <c r="AS96" s="144"/>
      <c r="AT96" s="144"/>
      <c r="AU96" s="142" t="s">
        <v>13</v>
      </c>
      <c r="AV96" s="142"/>
      <c r="AW96" s="142"/>
      <c r="AX96" s="142"/>
      <c r="AZ96" s="72"/>
      <c r="BA96" s="112"/>
      <c r="BB96" s="113"/>
      <c r="BC96" s="113"/>
      <c r="BD96" s="113"/>
      <c r="BE96" s="113"/>
      <c r="BF96" s="113"/>
      <c r="BG96" s="113"/>
      <c r="BH96" s="113"/>
      <c r="BI96" s="113"/>
      <c r="BJ96" s="113"/>
      <c r="BK96" s="113"/>
      <c r="BL96" s="113"/>
      <c r="BM96" s="96"/>
      <c r="BN96" s="77"/>
      <c r="BO96" s="77"/>
      <c r="BP96" s="77"/>
      <c r="BQ96" s="77"/>
      <c r="BR96" s="77"/>
      <c r="BS96" s="77"/>
      <c r="BT96" s="77"/>
      <c r="BU96" s="77"/>
      <c r="BV96" s="77"/>
      <c r="BW96" s="77"/>
      <c r="BX96" s="77"/>
      <c r="BY96" s="77"/>
      <c r="BZ96" s="77"/>
      <c r="CA96" s="77"/>
      <c r="CB96" s="77"/>
      <c r="CC96" s="77"/>
      <c r="CD96" s="77"/>
      <c r="CE96" s="77"/>
      <c r="CF96" s="77"/>
      <c r="CG96" s="77"/>
      <c r="CH96" s="77"/>
      <c r="CI96" s="77"/>
      <c r="CJ96" s="77"/>
      <c r="CK96" s="77"/>
      <c r="CL96" s="77"/>
      <c r="CM96" s="77"/>
      <c r="CN96" s="77"/>
      <c r="CO96" s="77"/>
      <c r="CP96" s="108"/>
      <c r="CQ96" s="112"/>
      <c r="CR96" s="113"/>
      <c r="CS96" s="113"/>
      <c r="CT96" s="113"/>
      <c r="CU96" s="113"/>
      <c r="CV96" s="113"/>
      <c r="CW96" s="113"/>
      <c r="CX96" s="113"/>
      <c r="CY96" s="113"/>
      <c r="CZ96" s="96"/>
      <c r="DA96" s="77"/>
      <c r="DB96" s="77"/>
      <c r="DC96" s="77"/>
      <c r="DD96" s="77"/>
      <c r="DE96" s="77"/>
      <c r="DF96" s="77"/>
      <c r="DG96" s="77"/>
      <c r="DH96" s="77"/>
      <c r="DI96" s="77"/>
      <c r="DJ96" s="77"/>
      <c r="DK96" s="77"/>
      <c r="DL96" s="77"/>
      <c r="DM96" s="77"/>
      <c r="DN96" s="77"/>
      <c r="DO96" s="77"/>
      <c r="DP96" s="77"/>
      <c r="DQ96" s="77"/>
      <c r="DR96" s="77"/>
      <c r="DS96" s="77"/>
      <c r="DT96" s="77"/>
      <c r="DU96" s="77"/>
      <c r="DV96" s="77"/>
      <c r="DW96" s="77"/>
      <c r="DX96" s="77"/>
      <c r="DY96" s="77"/>
      <c r="DZ96" s="108"/>
      <c r="ED96" s="159"/>
      <c r="EE96" s="160"/>
      <c r="EF96" s="160"/>
      <c r="EG96" s="160"/>
      <c r="EH96" s="160"/>
      <c r="EI96" s="161"/>
      <c r="EJ96" s="136"/>
      <c r="EK96" s="137"/>
      <c r="EL96" s="137"/>
      <c r="EM96" s="137"/>
      <c r="EN96" s="137"/>
      <c r="EO96" s="137"/>
      <c r="EP96" s="137"/>
      <c r="EQ96" s="137"/>
      <c r="ER96" s="137"/>
      <c r="ES96" s="137"/>
      <c r="ET96" s="137"/>
      <c r="EU96" s="137"/>
      <c r="EV96" s="137"/>
      <c r="EW96" s="137"/>
      <c r="EX96" s="137"/>
      <c r="EY96" s="137"/>
      <c r="EZ96" s="137"/>
      <c r="FA96" s="137"/>
      <c r="FB96" s="137"/>
      <c r="FC96" s="137"/>
      <c r="FD96" s="137"/>
      <c r="FE96" s="137"/>
      <c r="FF96" s="137"/>
      <c r="FG96" s="137"/>
      <c r="FH96" s="137"/>
      <c r="FI96" s="137"/>
      <c r="FJ96" s="137"/>
      <c r="FK96" s="138"/>
      <c r="FL96" s="136"/>
      <c r="FM96" s="137"/>
      <c r="FN96" s="137"/>
      <c r="FO96" s="137"/>
      <c r="FP96" s="137"/>
      <c r="FQ96" s="137"/>
      <c r="FR96" s="137"/>
      <c r="FS96" s="137"/>
      <c r="FT96" s="137"/>
      <c r="FU96" s="137"/>
      <c r="FV96" s="137"/>
      <c r="FW96" s="137"/>
      <c r="FX96" s="137"/>
      <c r="FY96" s="137"/>
      <c r="FZ96" s="138"/>
      <c r="GA96" s="136"/>
      <c r="GB96" s="137"/>
      <c r="GC96" s="137"/>
      <c r="GD96" s="137"/>
      <c r="GE96" s="137"/>
      <c r="GF96" s="137"/>
      <c r="GG96" s="137"/>
      <c r="GH96" s="137"/>
      <c r="GI96" s="137"/>
      <c r="GJ96" s="137"/>
      <c r="GK96" s="137"/>
      <c r="GL96" s="137"/>
      <c r="GM96" s="137"/>
      <c r="GN96" s="137"/>
      <c r="GO96" s="137"/>
      <c r="GP96" s="137"/>
      <c r="GQ96" s="137"/>
      <c r="GR96" s="137"/>
      <c r="GS96" s="137"/>
      <c r="GT96" s="137"/>
      <c r="GU96" s="137"/>
      <c r="GV96" s="137"/>
      <c r="GW96" s="137"/>
      <c r="GX96" s="137"/>
      <c r="GY96" s="137"/>
      <c r="GZ96" s="137"/>
      <c r="HA96" s="137"/>
      <c r="HB96" s="138"/>
      <c r="HC96" s="136"/>
      <c r="HD96" s="137"/>
      <c r="HE96" s="137"/>
      <c r="HF96" s="137"/>
      <c r="HG96" s="137"/>
      <c r="HH96" s="137"/>
      <c r="HI96" s="137"/>
      <c r="HJ96" s="137"/>
      <c r="HK96" s="137"/>
      <c r="HL96" s="137"/>
      <c r="HM96" s="137"/>
      <c r="HN96" s="137"/>
      <c r="HO96" s="137"/>
      <c r="HP96" s="137"/>
      <c r="HQ96" s="138"/>
    </row>
    <row r="97" spans="2:225" ht="6" customHeight="1">
      <c r="B97" s="150"/>
      <c r="C97" s="151"/>
      <c r="D97" s="151"/>
      <c r="E97" s="151"/>
      <c r="F97" s="151"/>
      <c r="G97" s="151"/>
      <c r="H97" s="151"/>
      <c r="I97" s="151"/>
      <c r="J97" s="151"/>
      <c r="K97" s="151"/>
      <c r="L97" s="151"/>
      <c r="M97" s="151"/>
      <c r="N97" s="151"/>
      <c r="O97" s="151"/>
      <c r="P97" s="151"/>
      <c r="Q97" s="151"/>
      <c r="R97" s="151"/>
      <c r="S97" s="151"/>
      <c r="T97" s="151"/>
      <c r="U97" s="151"/>
      <c r="V97" s="151"/>
      <c r="W97" s="151"/>
      <c r="X97" s="151"/>
      <c r="Y97" s="152"/>
      <c r="AA97" s="145"/>
      <c r="AB97" s="145"/>
      <c r="AC97" s="145"/>
      <c r="AD97" s="145"/>
      <c r="AE97" s="145"/>
      <c r="AF97" s="145"/>
      <c r="AG97" s="145"/>
      <c r="AH97" s="145"/>
      <c r="AI97" s="145"/>
      <c r="AJ97" s="145"/>
      <c r="AK97" s="145"/>
      <c r="AL97" s="145"/>
      <c r="AM97" s="145"/>
      <c r="AN97" s="145"/>
      <c r="AO97" s="145"/>
      <c r="AP97" s="145"/>
      <c r="AQ97" s="145"/>
      <c r="AR97" s="145"/>
      <c r="AS97" s="145"/>
      <c r="AT97" s="145"/>
      <c r="AU97" s="146"/>
      <c r="AV97" s="146"/>
      <c r="AW97" s="146"/>
      <c r="AX97" s="146"/>
      <c r="AZ97" s="72"/>
      <c r="BA97" s="112"/>
      <c r="BB97" s="113"/>
      <c r="BC97" s="113"/>
      <c r="BD97" s="113"/>
      <c r="BE97" s="113"/>
      <c r="BF97" s="113"/>
      <c r="BG97" s="113"/>
      <c r="BH97" s="113"/>
      <c r="BI97" s="113"/>
      <c r="BJ97" s="113"/>
      <c r="BK97" s="113"/>
      <c r="BL97" s="113"/>
      <c r="BM97" s="96"/>
      <c r="BN97" s="77"/>
      <c r="BO97" s="77"/>
      <c r="BP97" s="77"/>
      <c r="BQ97" s="77"/>
      <c r="BR97" s="77"/>
      <c r="BS97" s="77"/>
      <c r="BT97" s="77"/>
      <c r="BU97" s="77"/>
      <c r="BV97" s="77"/>
      <c r="BW97" s="77"/>
      <c r="BX97" s="77"/>
      <c r="BY97" s="77"/>
      <c r="BZ97" s="77"/>
      <c r="CA97" s="77"/>
      <c r="CB97" s="77"/>
      <c r="CC97" s="77"/>
      <c r="CD97" s="77"/>
      <c r="CE97" s="77"/>
      <c r="CF97" s="77"/>
      <c r="CG97" s="77"/>
      <c r="CH97" s="77"/>
      <c r="CI97" s="77"/>
      <c r="CJ97" s="77"/>
      <c r="CK97" s="77"/>
      <c r="CL97" s="77"/>
      <c r="CM97" s="77"/>
      <c r="CN97" s="77"/>
      <c r="CO97" s="77"/>
      <c r="CP97" s="108"/>
      <c r="CQ97" s="112"/>
      <c r="CR97" s="113"/>
      <c r="CS97" s="113"/>
      <c r="CT97" s="113"/>
      <c r="CU97" s="113"/>
      <c r="CV97" s="113"/>
      <c r="CW97" s="113"/>
      <c r="CX97" s="113"/>
      <c r="CY97" s="113"/>
      <c r="CZ97" s="96"/>
      <c r="DA97" s="77"/>
      <c r="DB97" s="77"/>
      <c r="DC97" s="77"/>
      <c r="DD97" s="77"/>
      <c r="DE97" s="77"/>
      <c r="DF97" s="77"/>
      <c r="DG97" s="77"/>
      <c r="DH97" s="77"/>
      <c r="DI97" s="77"/>
      <c r="DJ97" s="77"/>
      <c r="DK97" s="77"/>
      <c r="DL97" s="77"/>
      <c r="DM97" s="77"/>
      <c r="DN97" s="77"/>
      <c r="DO97" s="77"/>
      <c r="DP97" s="77"/>
      <c r="DQ97" s="77"/>
      <c r="DR97" s="77"/>
      <c r="DS97" s="77"/>
      <c r="DT97" s="77"/>
      <c r="DU97" s="77"/>
      <c r="DV97" s="77"/>
      <c r="DW97" s="77"/>
      <c r="DX97" s="77"/>
      <c r="DY97" s="77"/>
      <c r="DZ97" s="108"/>
      <c r="ED97" s="159"/>
      <c r="EE97" s="160"/>
      <c r="EF97" s="160"/>
      <c r="EG97" s="160"/>
      <c r="EH97" s="160"/>
      <c r="EI97" s="161"/>
      <c r="EJ97" s="136"/>
      <c r="EK97" s="137"/>
      <c r="EL97" s="137"/>
      <c r="EM97" s="137"/>
      <c r="EN97" s="137"/>
      <c r="EO97" s="137"/>
      <c r="EP97" s="137"/>
      <c r="EQ97" s="137"/>
      <c r="ER97" s="137"/>
      <c r="ES97" s="137"/>
      <c r="ET97" s="137"/>
      <c r="EU97" s="137"/>
      <c r="EV97" s="137"/>
      <c r="EW97" s="137"/>
      <c r="EX97" s="137"/>
      <c r="EY97" s="137"/>
      <c r="EZ97" s="137"/>
      <c r="FA97" s="137"/>
      <c r="FB97" s="137"/>
      <c r="FC97" s="137"/>
      <c r="FD97" s="137"/>
      <c r="FE97" s="137"/>
      <c r="FF97" s="137"/>
      <c r="FG97" s="137"/>
      <c r="FH97" s="137"/>
      <c r="FI97" s="137"/>
      <c r="FJ97" s="137"/>
      <c r="FK97" s="138"/>
      <c r="FL97" s="136"/>
      <c r="FM97" s="137"/>
      <c r="FN97" s="137"/>
      <c r="FO97" s="137"/>
      <c r="FP97" s="137"/>
      <c r="FQ97" s="137"/>
      <c r="FR97" s="137"/>
      <c r="FS97" s="137"/>
      <c r="FT97" s="137"/>
      <c r="FU97" s="137"/>
      <c r="FV97" s="137"/>
      <c r="FW97" s="137"/>
      <c r="FX97" s="137"/>
      <c r="FY97" s="137"/>
      <c r="FZ97" s="138"/>
      <c r="GA97" s="136"/>
      <c r="GB97" s="137"/>
      <c r="GC97" s="137"/>
      <c r="GD97" s="137"/>
      <c r="GE97" s="137"/>
      <c r="GF97" s="137"/>
      <c r="GG97" s="137"/>
      <c r="GH97" s="137"/>
      <c r="GI97" s="137"/>
      <c r="GJ97" s="137"/>
      <c r="GK97" s="137"/>
      <c r="GL97" s="137"/>
      <c r="GM97" s="137"/>
      <c r="GN97" s="137"/>
      <c r="GO97" s="137"/>
      <c r="GP97" s="137"/>
      <c r="GQ97" s="137"/>
      <c r="GR97" s="137"/>
      <c r="GS97" s="137"/>
      <c r="GT97" s="137"/>
      <c r="GU97" s="137"/>
      <c r="GV97" s="137"/>
      <c r="GW97" s="137"/>
      <c r="GX97" s="137"/>
      <c r="GY97" s="137"/>
      <c r="GZ97" s="137"/>
      <c r="HA97" s="137"/>
      <c r="HB97" s="138"/>
      <c r="HC97" s="136"/>
      <c r="HD97" s="137"/>
      <c r="HE97" s="137"/>
      <c r="HF97" s="137"/>
      <c r="HG97" s="137"/>
      <c r="HH97" s="137"/>
      <c r="HI97" s="137"/>
      <c r="HJ97" s="137"/>
      <c r="HK97" s="137"/>
      <c r="HL97" s="137"/>
      <c r="HM97" s="137"/>
      <c r="HN97" s="137"/>
      <c r="HO97" s="137"/>
      <c r="HP97" s="137"/>
      <c r="HQ97" s="138"/>
    </row>
    <row r="98" spans="2:225" ht="6" customHeight="1">
      <c r="B98" s="153"/>
      <c r="C98" s="154"/>
      <c r="D98" s="154"/>
      <c r="E98" s="154"/>
      <c r="F98" s="154"/>
      <c r="G98" s="154"/>
      <c r="H98" s="154"/>
      <c r="I98" s="154"/>
      <c r="J98" s="154"/>
      <c r="K98" s="154"/>
      <c r="L98" s="154"/>
      <c r="M98" s="154"/>
      <c r="N98" s="154"/>
      <c r="O98" s="154"/>
      <c r="P98" s="154"/>
      <c r="Q98" s="154"/>
      <c r="R98" s="154"/>
      <c r="S98" s="154"/>
      <c r="T98" s="154"/>
      <c r="U98" s="154"/>
      <c r="V98" s="154"/>
      <c r="W98" s="154"/>
      <c r="X98" s="154"/>
      <c r="Y98" s="155"/>
      <c r="Z98" s="74"/>
      <c r="AA98" s="74"/>
      <c r="AB98" s="74"/>
      <c r="AC98" s="74"/>
      <c r="AD98" s="74"/>
      <c r="AE98" s="74"/>
      <c r="AF98" s="74"/>
      <c r="AG98" s="74"/>
      <c r="AH98" s="74"/>
      <c r="AI98" s="74"/>
      <c r="AJ98" s="74"/>
      <c r="AK98" s="74"/>
      <c r="AL98" s="74"/>
      <c r="AM98" s="74"/>
      <c r="AN98" s="74"/>
      <c r="AO98" s="74"/>
      <c r="AP98" s="74"/>
      <c r="AQ98" s="74"/>
      <c r="AR98" s="74"/>
      <c r="AS98" s="74"/>
      <c r="AT98" s="74"/>
      <c r="AU98" s="74"/>
      <c r="AV98" s="74"/>
      <c r="AW98" s="74"/>
      <c r="AX98" s="74"/>
      <c r="AY98" s="74"/>
      <c r="AZ98" s="75"/>
      <c r="BA98" s="114"/>
      <c r="BB98" s="115"/>
      <c r="BC98" s="115"/>
      <c r="BD98" s="115"/>
      <c r="BE98" s="115"/>
      <c r="BF98" s="115"/>
      <c r="BG98" s="115"/>
      <c r="BH98" s="115"/>
      <c r="BI98" s="115"/>
      <c r="BJ98" s="115"/>
      <c r="BK98" s="115"/>
      <c r="BL98" s="115"/>
      <c r="BM98" s="97"/>
      <c r="BN98" s="78"/>
      <c r="BO98" s="78"/>
      <c r="BP98" s="78"/>
      <c r="BQ98" s="78"/>
      <c r="BR98" s="78"/>
      <c r="BS98" s="78"/>
      <c r="BT98" s="78"/>
      <c r="BU98" s="78"/>
      <c r="BV98" s="78"/>
      <c r="BW98" s="78"/>
      <c r="BX98" s="78"/>
      <c r="BY98" s="78"/>
      <c r="BZ98" s="78"/>
      <c r="CA98" s="78"/>
      <c r="CB98" s="78"/>
      <c r="CC98" s="78"/>
      <c r="CD98" s="78"/>
      <c r="CE98" s="78"/>
      <c r="CF98" s="78"/>
      <c r="CG98" s="78"/>
      <c r="CH98" s="78"/>
      <c r="CI98" s="78"/>
      <c r="CJ98" s="78"/>
      <c r="CK98" s="78"/>
      <c r="CL98" s="78"/>
      <c r="CM98" s="78"/>
      <c r="CN98" s="78"/>
      <c r="CO98" s="78"/>
      <c r="CP98" s="109"/>
      <c r="CQ98" s="114"/>
      <c r="CR98" s="115"/>
      <c r="CS98" s="115"/>
      <c r="CT98" s="115"/>
      <c r="CU98" s="115"/>
      <c r="CV98" s="115"/>
      <c r="CW98" s="115"/>
      <c r="CX98" s="115"/>
      <c r="CY98" s="115"/>
      <c r="CZ98" s="97"/>
      <c r="DA98" s="78"/>
      <c r="DB98" s="78"/>
      <c r="DC98" s="78"/>
      <c r="DD98" s="78"/>
      <c r="DE98" s="78"/>
      <c r="DF98" s="78"/>
      <c r="DG98" s="78"/>
      <c r="DH98" s="78"/>
      <c r="DI98" s="78"/>
      <c r="DJ98" s="78"/>
      <c r="DK98" s="78"/>
      <c r="DL98" s="78"/>
      <c r="DM98" s="78"/>
      <c r="DN98" s="78"/>
      <c r="DO98" s="78"/>
      <c r="DP98" s="78"/>
      <c r="DQ98" s="78"/>
      <c r="DR98" s="78"/>
      <c r="DS98" s="78"/>
      <c r="DT98" s="78"/>
      <c r="DU98" s="78"/>
      <c r="DV98" s="78"/>
      <c r="DW98" s="78"/>
      <c r="DX98" s="78"/>
      <c r="DY98" s="78"/>
      <c r="DZ98" s="109"/>
      <c r="ED98" s="162"/>
      <c r="EE98" s="163"/>
      <c r="EF98" s="163"/>
      <c r="EG98" s="163"/>
      <c r="EH98" s="163"/>
      <c r="EI98" s="164"/>
      <c r="EJ98" s="139"/>
      <c r="EK98" s="140"/>
      <c r="EL98" s="140"/>
      <c r="EM98" s="140"/>
      <c r="EN98" s="140"/>
      <c r="EO98" s="140"/>
      <c r="EP98" s="140"/>
      <c r="EQ98" s="140"/>
      <c r="ER98" s="140"/>
      <c r="ES98" s="140"/>
      <c r="ET98" s="140"/>
      <c r="EU98" s="140"/>
      <c r="EV98" s="140"/>
      <c r="EW98" s="140"/>
      <c r="EX98" s="140"/>
      <c r="EY98" s="140"/>
      <c r="EZ98" s="140"/>
      <c r="FA98" s="140"/>
      <c r="FB98" s="140"/>
      <c r="FC98" s="140"/>
      <c r="FD98" s="140"/>
      <c r="FE98" s="140"/>
      <c r="FF98" s="140"/>
      <c r="FG98" s="140"/>
      <c r="FH98" s="140"/>
      <c r="FI98" s="140"/>
      <c r="FJ98" s="140"/>
      <c r="FK98" s="141"/>
      <c r="FL98" s="139"/>
      <c r="FM98" s="140"/>
      <c r="FN98" s="140"/>
      <c r="FO98" s="140"/>
      <c r="FP98" s="140"/>
      <c r="FQ98" s="140"/>
      <c r="FR98" s="140"/>
      <c r="FS98" s="140"/>
      <c r="FT98" s="140"/>
      <c r="FU98" s="140"/>
      <c r="FV98" s="140"/>
      <c r="FW98" s="140"/>
      <c r="FX98" s="140"/>
      <c r="FY98" s="140"/>
      <c r="FZ98" s="141"/>
      <c r="GA98" s="139"/>
      <c r="GB98" s="140"/>
      <c r="GC98" s="140"/>
      <c r="GD98" s="140"/>
      <c r="GE98" s="140"/>
      <c r="GF98" s="140"/>
      <c r="GG98" s="140"/>
      <c r="GH98" s="140"/>
      <c r="GI98" s="140"/>
      <c r="GJ98" s="140"/>
      <c r="GK98" s="140"/>
      <c r="GL98" s="140"/>
      <c r="GM98" s="140"/>
      <c r="GN98" s="140"/>
      <c r="GO98" s="140"/>
      <c r="GP98" s="140"/>
      <c r="GQ98" s="140"/>
      <c r="GR98" s="140"/>
      <c r="GS98" s="140"/>
      <c r="GT98" s="140"/>
      <c r="GU98" s="140"/>
      <c r="GV98" s="140"/>
      <c r="GW98" s="140"/>
      <c r="GX98" s="140"/>
      <c r="GY98" s="140"/>
      <c r="GZ98" s="140"/>
      <c r="HA98" s="140"/>
      <c r="HB98" s="141"/>
      <c r="HC98" s="139"/>
      <c r="HD98" s="140"/>
      <c r="HE98" s="140"/>
      <c r="HF98" s="140"/>
      <c r="HG98" s="140"/>
      <c r="HH98" s="140"/>
      <c r="HI98" s="140"/>
      <c r="HJ98" s="140"/>
      <c r="HK98" s="140"/>
      <c r="HL98" s="140"/>
      <c r="HM98" s="140"/>
      <c r="HN98" s="140"/>
      <c r="HO98" s="140"/>
      <c r="HP98" s="140"/>
      <c r="HQ98" s="141"/>
    </row>
    <row r="99" spans="2:225" ht="6" customHeight="1"/>
  </sheetData>
  <mergeCells count="396">
    <mergeCell ref="HJ2:HQ4"/>
    <mergeCell ref="CI4:EJ8"/>
    <mergeCell ref="EN5:FC8"/>
    <mergeCell ref="FD5:FJ6"/>
    <mergeCell ref="FK5:FM6"/>
    <mergeCell ref="FN5:FQ8"/>
    <mergeCell ref="FR5:FU8"/>
    <mergeCell ref="FV5:FY8"/>
    <mergeCell ref="FZ5:GC8"/>
    <mergeCell ref="GD5:GG8"/>
    <mergeCell ref="EN2:FU4"/>
    <mergeCell ref="FV2:GC4"/>
    <mergeCell ref="GD2:GK4"/>
    <mergeCell ref="GL2:GS4"/>
    <mergeCell ref="GT2:HA4"/>
    <mergeCell ref="HB2:HI4"/>
    <mergeCell ref="HF5:HI8"/>
    <mergeCell ref="HJ5:HM8"/>
    <mergeCell ref="HN5:HQ8"/>
    <mergeCell ref="FD7:FJ8"/>
    <mergeCell ref="FK7:FM8"/>
    <mergeCell ref="C8:BC11"/>
    <mergeCell ref="EP9:FB11"/>
    <mergeCell ref="FF9:HE11"/>
    <mergeCell ref="BF10:BM11"/>
    <mergeCell ref="GH5:GK8"/>
    <mergeCell ref="GL5:GO8"/>
    <mergeCell ref="GP5:GS8"/>
    <mergeCell ref="GT5:GW8"/>
    <mergeCell ref="GX5:HA8"/>
    <mergeCell ref="HB5:HE8"/>
    <mergeCell ref="CL14:CO18"/>
    <mergeCell ref="EP12:FB15"/>
    <mergeCell ref="FF12:HE15"/>
    <mergeCell ref="B14:B17"/>
    <mergeCell ref="C14:Q17"/>
    <mergeCell ref="R14:R17"/>
    <mergeCell ref="S14:Y17"/>
    <mergeCell ref="Z14:AK17"/>
    <mergeCell ref="AL14:AO17"/>
    <mergeCell ref="AP14:AW17"/>
    <mergeCell ref="AX14:BA17"/>
    <mergeCell ref="S21:BM24"/>
    <mergeCell ref="EP22:FB24"/>
    <mergeCell ref="FF22:FI24"/>
    <mergeCell ref="EP16:FB19"/>
    <mergeCell ref="FF16:HE19"/>
    <mergeCell ref="HI16:HN19"/>
    <mergeCell ref="B19:B24"/>
    <mergeCell ref="C19:Q24"/>
    <mergeCell ref="R19:R24"/>
    <mergeCell ref="S19:BM20"/>
    <mergeCell ref="BQ19:BQ24"/>
    <mergeCell ref="BR19:CB24"/>
    <mergeCell ref="CC19:CC24"/>
    <mergeCell ref="CP14:CS18"/>
    <mergeCell ref="CT14:CW18"/>
    <mergeCell ref="CX14:DA18"/>
    <mergeCell ref="DB14:DE18"/>
    <mergeCell ref="DF14:DR18"/>
    <mergeCell ref="DS14:EJ18"/>
    <mergeCell ref="BB14:BI17"/>
    <mergeCell ref="BJ14:BM17"/>
    <mergeCell ref="BQ14:CC18"/>
    <mergeCell ref="CD14:CG18"/>
    <mergeCell ref="CH14:CK18"/>
    <mergeCell ref="FJ22:FX24"/>
    <mergeCell ref="FY22:GB24"/>
    <mergeCell ref="GC22:GM24"/>
    <mergeCell ref="GN22:GQ24"/>
    <mergeCell ref="GR22:HF24"/>
    <mergeCell ref="HG22:HG24"/>
    <mergeCell ref="CD19:CD24"/>
    <mergeCell ref="CE19:EI24"/>
    <mergeCell ref="EJ19:EJ24"/>
    <mergeCell ref="FG30:GA31"/>
    <mergeCell ref="GB30:GV31"/>
    <mergeCell ref="GW30:HQ31"/>
    <mergeCell ref="CA32:CU34"/>
    <mergeCell ref="CV32:DP34"/>
    <mergeCell ref="B27:B31"/>
    <mergeCell ref="R27:R31"/>
    <mergeCell ref="S27:S29"/>
    <mergeCell ref="T27:AC29"/>
    <mergeCell ref="AD27:AD29"/>
    <mergeCell ref="AE27:AE29"/>
    <mergeCell ref="AF27:AO29"/>
    <mergeCell ref="AP27:AP29"/>
    <mergeCell ref="AQ27:AQ29"/>
    <mergeCell ref="C31:Q33"/>
    <mergeCell ref="BD30:BY34"/>
    <mergeCell ref="CA30:CU31"/>
    <mergeCell ref="AR27:BA29"/>
    <mergeCell ref="BB27:BB29"/>
    <mergeCell ref="BD27:BY29"/>
    <mergeCell ref="CC28:CS29"/>
    <mergeCell ref="CX28:DN29"/>
    <mergeCell ref="CV30:DP31"/>
    <mergeCell ref="CA26:FF27"/>
    <mergeCell ref="DQ30:EK31"/>
    <mergeCell ref="EL30:FF31"/>
    <mergeCell ref="DQ32:EK34"/>
    <mergeCell ref="EL32:FF34"/>
    <mergeCell ref="C28:Q30"/>
    <mergeCell ref="FG32:GA34"/>
    <mergeCell ref="GB32:GV34"/>
    <mergeCell ref="GW32:HQ34"/>
    <mergeCell ref="B36:H38"/>
    <mergeCell ref="I36:O38"/>
    <mergeCell ref="P36:CH38"/>
    <mergeCell ref="CI36:DH38"/>
    <mergeCell ref="DI36:DT38"/>
    <mergeCell ref="DU36:EF38"/>
    <mergeCell ref="EG36:EU38"/>
    <mergeCell ref="EV36:FM38"/>
    <mergeCell ref="FN36:GO38"/>
    <mergeCell ref="GP36:HQ38"/>
    <mergeCell ref="DS28:EI29"/>
    <mergeCell ref="EM28:FE29"/>
    <mergeCell ref="FH28:FZ29"/>
    <mergeCell ref="GD28:GT29"/>
    <mergeCell ref="GY28:HO29"/>
    <mergeCell ref="S30:AD34"/>
    <mergeCell ref="AE30:AP34"/>
    <mergeCell ref="AQ30:BB34"/>
    <mergeCell ref="EV39:FM42"/>
    <mergeCell ref="FN39:GO42"/>
    <mergeCell ref="GP39:HQ42"/>
    <mergeCell ref="B43:H46"/>
    <mergeCell ref="I43:O46"/>
    <mergeCell ref="P43:P46"/>
    <mergeCell ref="Q43:CG46"/>
    <mergeCell ref="CH43:CH46"/>
    <mergeCell ref="GP43:HQ46"/>
    <mergeCell ref="CI43:DH46"/>
    <mergeCell ref="DI43:DT46"/>
    <mergeCell ref="DU43:EF46"/>
    <mergeCell ref="EG43:EU46"/>
    <mergeCell ref="EV43:FM46"/>
    <mergeCell ref="FN43:GO46"/>
    <mergeCell ref="B39:H42"/>
    <mergeCell ref="I39:O42"/>
    <mergeCell ref="P39:P42"/>
    <mergeCell ref="Q39:CG42"/>
    <mergeCell ref="CH39:CH42"/>
    <mergeCell ref="CI39:DH42"/>
    <mergeCell ref="DI39:DT42"/>
    <mergeCell ref="DU39:EF42"/>
    <mergeCell ref="EG39:EU42"/>
    <mergeCell ref="EV47:FM50"/>
    <mergeCell ref="FN47:GO50"/>
    <mergeCell ref="GP47:HQ50"/>
    <mergeCell ref="B51:H54"/>
    <mergeCell ref="I51:O54"/>
    <mergeCell ref="P51:P54"/>
    <mergeCell ref="Q51:CG54"/>
    <mergeCell ref="CH51:CH54"/>
    <mergeCell ref="CI51:DH54"/>
    <mergeCell ref="DI51:DT54"/>
    <mergeCell ref="DU51:EF54"/>
    <mergeCell ref="EG51:EU54"/>
    <mergeCell ref="EV51:FM54"/>
    <mergeCell ref="FN51:GO54"/>
    <mergeCell ref="GP51:HQ54"/>
    <mergeCell ref="B47:H50"/>
    <mergeCell ref="I47:O50"/>
    <mergeCell ref="P47:P50"/>
    <mergeCell ref="Q47:CG50"/>
    <mergeCell ref="CH47:CH50"/>
    <mergeCell ref="CI47:DH50"/>
    <mergeCell ref="DI47:DT50"/>
    <mergeCell ref="DU47:EF50"/>
    <mergeCell ref="EG47:EU50"/>
    <mergeCell ref="B55:H58"/>
    <mergeCell ref="I55:O58"/>
    <mergeCell ref="P55:P58"/>
    <mergeCell ref="Q55:CG58"/>
    <mergeCell ref="CH55:CH58"/>
    <mergeCell ref="GP55:HQ58"/>
    <mergeCell ref="B59:H62"/>
    <mergeCell ref="I59:O62"/>
    <mergeCell ref="P59:P62"/>
    <mergeCell ref="Q59:CG62"/>
    <mergeCell ref="CH59:CH62"/>
    <mergeCell ref="CI59:DH62"/>
    <mergeCell ref="DI59:DT62"/>
    <mergeCell ref="DU59:EF62"/>
    <mergeCell ref="EG59:EU62"/>
    <mergeCell ref="CI55:DH58"/>
    <mergeCell ref="DI55:DT58"/>
    <mergeCell ref="DU55:EF58"/>
    <mergeCell ref="EG55:EU58"/>
    <mergeCell ref="EV55:FM58"/>
    <mergeCell ref="FN55:GO58"/>
    <mergeCell ref="B65:Y66"/>
    <mergeCell ref="B67:G70"/>
    <mergeCell ref="H67:M70"/>
    <mergeCell ref="N67:S70"/>
    <mergeCell ref="T67:Y70"/>
    <mergeCell ref="EV59:FM62"/>
    <mergeCell ref="FN59:GO62"/>
    <mergeCell ref="GP59:HQ62"/>
    <mergeCell ref="ED63:FM66"/>
    <mergeCell ref="FN63:GO66"/>
    <mergeCell ref="GP63:GP66"/>
    <mergeCell ref="GQ63:HP66"/>
    <mergeCell ref="HQ63:HQ66"/>
    <mergeCell ref="GQ67:HP70"/>
    <mergeCell ref="HQ67:HQ70"/>
    <mergeCell ref="CE67:CG70"/>
    <mergeCell ref="CB67:CD70"/>
    <mergeCell ref="BY67:CA70"/>
    <mergeCell ref="BV67:BX70"/>
    <mergeCell ref="BM67:BO70"/>
    <mergeCell ref="B71:G74"/>
    <mergeCell ref="H71:M74"/>
    <mergeCell ref="N71:S74"/>
    <mergeCell ref="T71:Y74"/>
    <mergeCell ref="ED67:FM70"/>
    <mergeCell ref="FN67:GO70"/>
    <mergeCell ref="GP67:GP70"/>
    <mergeCell ref="BS67:BU70"/>
    <mergeCell ref="GO76:HQ79"/>
    <mergeCell ref="B79:G82"/>
    <mergeCell ref="H79:M82"/>
    <mergeCell ref="N79:S82"/>
    <mergeCell ref="T79:Y82"/>
    <mergeCell ref="EJ80:EY83"/>
    <mergeCell ref="EJ76:EY79"/>
    <mergeCell ref="EZ76:FZ79"/>
    <mergeCell ref="GA76:GN79"/>
    <mergeCell ref="ED72:EI87"/>
    <mergeCell ref="EJ72:EY75"/>
    <mergeCell ref="EZ72:FZ75"/>
    <mergeCell ref="GA72:GN75"/>
    <mergeCell ref="GO72:HQ75"/>
    <mergeCell ref="B75:G78"/>
    <mergeCell ref="H75:M78"/>
    <mergeCell ref="N75:S78"/>
    <mergeCell ref="T75:Y78"/>
    <mergeCell ref="DL65:DZ66"/>
    <mergeCell ref="DL67:DZ70"/>
    <mergeCell ref="DL71:DZ74"/>
    <mergeCell ref="DL75:DZ78"/>
    <mergeCell ref="DL79:DZ82"/>
    <mergeCell ref="DO91:DQ94"/>
    <mergeCell ref="DR91:DT94"/>
    <mergeCell ref="DU91:DW94"/>
    <mergeCell ref="DX91:DZ94"/>
    <mergeCell ref="CH79:CJ82"/>
    <mergeCell ref="CK79:CM82"/>
    <mergeCell ref="CN79:CP82"/>
    <mergeCell ref="CH75:CJ78"/>
    <mergeCell ref="CK75:CM78"/>
    <mergeCell ref="CN75:CP78"/>
    <mergeCell ref="CH71:CJ74"/>
    <mergeCell ref="CK71:CM74"/>
    <mergeCell ref="CN71:CP74"/>
    <mergeCell ref="B83:AZ88"/>
    <mergeCell ref="BY83:CA86"/>
    <mergeCell ref="BA83:BL86"/>
    <mergeCell ref="BA87:BL90"/>
    <mergeCell ref="HC91:HQ98"/>
    <mergeCell ref="GA91:HB98"/>
    <mergeCell ref="FL91:FZ98"/>
    <mergeCell ref="EJ91:FK98"/>
    <mergeCell ref="AF91:AW92"/>
    <mergeCell ref="AA91:AD92"/>
    <mergeCell ref="AA96:AT97"/>
    <mergeCell ref="AU96:AX97"/>
    <mergeCell ref="B89:Y98"/>
    <mergeCell ref="ED89:EI98"/>
    <mergeCell ref="EJ89:FK90"/>
    <mergeCell ref="FL89:FZ90"/>
    <mergeCell ref="GA89:HB90"/>
    <mergeCell ref="HC89:HQ90"/>
    <mergeCell ref="DX95:DZ98"/>
    <mergeCell ref="CN91:CP94"/>
    <mergeCell ref="CN95:CP98"/>
    <mergeCell ref="CZ95:DB98"/>
    <mergeCell ref="DC95:DE98"/>
    <mergeCell ref="DF95:DH98"/>
    <mergeCell ref="DI95:DK98"/>
    <mergeCell ref="DL95:DN98"/>
    <mergeCell ref="DO95:DQ98"/>
    <mergeCell ref="CQ91:CY94"/>
    <mergeCell ref="GA84:GN87"/>
    <mergeCell ref="GO84:HQ87"/>
    <mergeCell ref="CK83:CM86"/>
    <mergeCell ref="CN83:CP86"/>
    <mergeCell ref="EZ80:FZ83"/>
    <mergeCell ref="GA80:GN83"/>
    <mergeCell ref="GO80:HQ83"/>
    <mergeCell ref="EJ84:EY87"/>
    <mergeCell ref="EZ84:FZ87"/>
    <mergeCell ref="DX83:DZ86"/>
    <mergeCell ref="DU83:DW86"/>
    <mergeCell ref="DR83:DT86"/>
    <mergeCell ref="DO83:DQ86"/>
    <mergeCell ref="DL83:DN86"/>
    <mergeCell ref="DI83:DK86"/>
    <mergeCell ref="DF83:DH86"/>
    <mergeCell ref="DC83:DE86"/>
    <mergeCell ref="CN87:CP90"/>
    <mergeCell ref="DX87:DZ90"/>
    <mergeCell ref="CQ87:CY90"/>
    <mergeCell ref="DO87:DQ90"/>
    <mergeCell ref="DR87:DT90"/>
    <mergeCell ref="CQ79:DK82"/>
    <mergeCell ref="CK87:CM90"/>
    <mergeCell ref="CK91:CM94"/>
    <mergeCell ref="CK95:CM98"/>
    <mergeCell ref="CH83:CJ86"/>
    <mergeCell ref="CH87:CJ90"/>
    <mergeCell ref="CH91:CJ94"/>
    <mergeCell ref="DR95:DT98"/>
    <mergeCell ref="DU95:DW98"/>
    <mergeCell ref="CQ83:CY86"/>
    <mergeCell ref="DU87:DW90"/>
    <mergeCell ref="CZ83:DB86"/>
    <mergeCell ref="CZ87:DB90"/>
    <mergeCell ref="DC87:DE90"/>
    <mergeCell ref="CQ95:CY98"/>
    <mergeCell ref="CZ91:DB94"/>
    <mergeCell ref="DC91:DE94"/>
    <mergeCell ref="DF91:DH94"/>
    <mergeCell ref="DI91:DK94"/>
    <mergeCell ref="DL91:DN94"/>
    <mergeCell ref="DF87:DH90"/>
    <mergeCell ref="DI87:DK90"/>
    <mergeCell ref="DL87:DN90"/>
    <mergeCell ref="BA91:BL94"/>
    <mergeCell ref="BA95:BL98"/>
    <mergeCell ref="BS87:BU90"/>
    <mergeCell ref="BS91:BU94"/>
    <mergeCell ref="BS95:BU98"/>
    <mergeCell ref="BP83:BR86"/>
    <mergeCell ref="BP87:BR90"/>
    <mergeCell ref="BP91:BR94"/>
    <mergeCell ref="BP95:BR98"/>
    <mergeCell ref="BS83:BU86"/>
    <mergeCell ref="BM83:BO86"/>
    <mergeCell ref="BM87:BO90"/>
    <mergeCell ref="BM91:BO94"/>
    <mergeCell ref="BM95:BO98"/>
    <mergeCell ref="BY87:CA90"/>
    <mergeCell ref="BY91:CA94"/>
    <mergeCell ref="BY95:CA98"/>
    <mergeCell ref="BV83:BX86"/>
    <mergeCell ref="BV87:BX90"/>
    <mergeCell ref="BV91:BX94"/>
    <mergeCell ref="BV95:BX98"/>
    <mergeCell ref="CH95:CJ98"/>
    <mergeCell ref="CE83:CG86"/>
    <mergeCell ref="CE87:CG90"/>
    <mergeCell ref="CE91:CG94"/>
    <mergeCell ref="CE95:CG98"/>
    <mergeCell ref="CB83:CD86"/>
    <mergeCell ref="CB87:CD90"/>
    <mergeCell ref="CB91:CD94"/>
    <mergeCell ref="CB95:CD98"/>
    <mergeCell ref="BM71:BO74"/>
    <mergeCell ref="BP71:BR74"/>
    <mergeCell ref="BS71:BU74"/>
    <mergeCell ref="BV71:BX74"/>
    <mergeCell ref="CQ65:DK66"/>
    <mergeCell ref="CQ67:DK70"/>
    <mergeCell ref="CQ71:DK74"/>
    <mergeCell ref="CQ75:DK78"/>
    <mergeCell ref="CH67:CJ70"/>
    <mergeCell ref="CK67:CM70"/>
    <mergeCell ref="CN67:CP70"/>
    <mergeCell ref="CE79:CG82"/>
    <mergeCell ref="BM65:CP66"/>
    <mergeCell ref="Z65:BL66"/>
    <mergeCell ref="Z67:BL70"/>
    <mergeCell ref="Z71:BL74"/>
    <mergeCell ref="Z75:BL78"/>
    <mergeCell ref="Z79:BL82"/>
    <mergeCell ref="BM79:BO82"/>
    <mergeCell ref="BP79:BR82"/>
    <mergeCell ref="BS79:BU82"/>
    <mergeCell ref="BV79:BX82"/>
    <mergeCell ref="BY79:CA82"/>
    <mergeCell ref="CB79:CD82"/>
    <mergeCell ref="BY71:CA74"/>
    <mergeCell ref="CB71:CD74"/>
    <mergeCell ref="CE71:CG74"/>
    <mergeCell ref="BM75:BO78"/>
    <mergeCell ref="BP75:BR78"/>
    <mergeCell ref="BS75:BU78"/>
    <mergeCell ref="BV75:BX78"/>
    <mergeCell ref="BY75:CA78"/>
    <mergeCell ref="CB75:CD78"/>
    <mergeCell ref="CE75:CG78"/>
    <mergeCell ref="BP67:BR70"/>
  </mergeCells>
  <phoneticPr fontId="3"/>
  <dataValidations count="5">
    <dataValidation type="list" allowBlank="1" showInputMessage="1" showErrorMessage="1" sqref="WRH983083 OR39 YN39 AIJ39 ASF39 BCB39 BLX39 BVT39 CFP39 CPL39 CZH39 DJD39 DSZ39 ECV39 EMR39 EWN39 FGJ39 FQF39 GAB39 GJX39 GTT39 HDP39 HNL39 HXH39 IHD39 IQZ39 JAV39 JKR39 JUN39 KEJ39 KOF39 KYB39 LHX39 LRT39 MBP39 MLL39 MVH39 NFD39 NOZ39 NYV39 OIR39 OSN39 PCJ39 PMF39 PWB39 QFX39 QPT39 QZP39 RJL39 RTH39 SDD39 SMZ39 SWV39 TGR39 TQN39 UAJ39 UKF39 UUB39 VDX39 VNT39 VXP39 WHL39 WRH39 XBD39 EV65575 OR65575 YN65575 AIJ65575 ASF65575 BCB65575 BLX65575 BVT65575 CFP65575 CPL65575 CZH65575 DJD65575 DSZ65575 ECV65575 EMR65575 EWN65575 FGJ65575 FQF65575 GAB65575 GJX65575 GTT65575 HDP65575 HNL65575 HXH65575 IHD65575 IQZ65575 JAV65575 JKR65575 JUN65575 KEJ65575 KOF65575 KYB65575 LHX65575 LRT65575 MBP65575 MLL65575 MVH65575 NFD65575 NOZ65575 NYV65575 OIR65575 OSN65575 PCJ65575 PMF65575 PWB65575 QFX65575 QPT65575 QZP65575 RJL65575 RTH65575 SDD65575 SMZ65575 SWV65575 TGR65575 TQN65575 UAJ65575 UKF65575 UUB65575 VDX65575 VNT65575 VXP65575 WHL65575 WRH65575 XBD65575 EV131111 OR131111 YN131111 AIJ131111 ASF131111 BCB131111 BLX131111 BVT131111 CFP131111 CPL131111 CZH131111 DJD131111 DSZ131111 ECV131111 EMR131111 EWN131111 FGJ131111 FQF131111 GAB131111 GJX131111 GTT131111 HDP131111 HNL131111 HXH131111 IHD131111 IQZ131111 JAV131111 JKR131111 JUN131111 KEJ131111 KOF131111 KYB131111 LHX131111 LRT131111 MBP131111 MLL131111 MVH131111 NFD131111 NOZ131111 NYV131111 OIR131111 OSN131111 PCJ131111 PMF131111 PWB131111 QFX131111 QPT131111 QZP131111 RJL131111 RTH131111 SDD131111 SMZ131111 SWV131111 TGR131111 TQN131111 UAJ131111 UKF131111 UUB131111 VDX131111 VNT131111 VXP131111 WHL131111 WRH131111 XBD131111 EV196647 OR196647 YN196647 AIJ196647 ASF196647 BCB196647 BLX196647 BVT196647 CFP196647 CPL196647 CZH196647 DJD196647 DSZ196647 ECV196647 EMR196647 EWN196647 FGJ196647 FQF196647 GAB196647 GJX196647 GTT196647 HDP196647 HNL196647 HXH196647 IHD196647 IQZ196647 JAV196647 JKR196647 JUN196647 KEJ196647 KOF196647 KYB196647 LHX196647 LRT196647 MBP196647 MLL196647 MVH196647 NFD196647 NOZ196647 NYV196647 OIR196647 OSN196647 PCJ196647 PMF196647 PWB196647 QFX196647 QPT196647 QZP196647 RJL196647 RTH196647 SDD196647 SMZ196647 SWV196647 TGR196647 TQN196647 UAJ196647 UKF196647 UUB196647 VDX196647 VNT196647 VXP196647 WHL196647 WRH196647 XBD196647 EV262183 OR262183 YN262183 AIJ262183 ASF262183 BCB262183 BLX262183 BVT262183 CFP262183 CPL262183 CZH262183 DJD262183 DSZ262183 ECV262183 EMR262183 EWN262183 FGJ262183 FQF262183 GAB262183 GJX262183 GTT262183 HDP262183 HNL262183 HXH262183 IHD262183 IQZ262183 JAV262183 JKR262183 JUN262183 KEJ262183 KOF262183 KYB262183 LHX262183 LRT262183 MBP262183 MLL262183 MVH262183 NFD262183 NOZ262183 NYV262183 OIR262183 OSN262183 PCJ262183 PMF262183 PWB262183 QFX262183 QPT262183 QZP262183 RJL262183 RTH262183 SDD262183 SMZ262183 SWV262183 TGR262183 TQN262183 UAJ262183 UKF262183 UUB262183 VDX262183 VNT262183 VXP262183 WHL262183 WRH262183 XBD262183 EV327719 OR327719 YN327719 AIJ327719 ASF327719 BCB327719 BLX327719 BVT327719 CFP327719 CPL327719 CZH327719 DJD327719 DSZ327719 ECV327719 EMR327719 EWN327719 FGJ327719 FQF327719 GAB327719 GJX327719 GTT327719 HDP327719 HNL327719 HXH327719 IHD327719 IQZ327719 JAV327719 JKR327719 JUN327719 KEJ327719 KOF327719 KYB327719 LHX327719 LRT327719 MBP327719 MLL327719 MVH327719 NFD327719 NOZ327719 NYV327719 OIR327719 OSN327719 PCJ327719 PMF327719 PWB327719 QFX327719 QPT327719 QZP327719 RJL327719 RTH327719 SDD327719 SMZ327719 SWV327719 TGR327719 TQN327719 UAJ327719 UKF327719 UUB327719 VDX327719 VNT327719 VXP327719 WHL327719 WRH327719 XBD327719 EV393255 OR393255 YN393255 AIJ393255 ASF393255 BCB393255 BLX393255 BVT393255 CFP393255 CPL393255 CZH393255 DJD393255 DSZ393255 ECV393255 EMR393255 EWN393255 FGJ393255 FQF393255 GAB393255 GJX393255 GTT393255 HDP393255 HNL393255 HXH393255 IHD393255 IQZ393255 JAV393255 JKR393255 JUN393255 KEJ393255 KOF393255 KYB393255 LHX393255 LRT393255 MBP393255 MLL393255 MVH393255 NFD393255 NOZ393255 NYV393255 OIR393255 OSN393255 PCJ393255 PMF393255 PWB393255 QFX393255 QPT393255 QZP393255 RJL393255 RTH393255 SDD393255 SMZ393255 SWV393255 TGR393255 TQN393255 UAJ393255 UKF393255 UUB393255 VDX393255 VNT393255 VXP393255 WHL393255 WRH393255 XBD393255 EV458791 OR458791 YN458791 AIJ458791 ASF458791 BCB458791 BLX458791 BVT458791 CFP458791 CPL458791 CZH458791 DJD458791 DSZ458791 ECV458791 EMR458791 EWN458791 FGJ458791 FQF458791 GAB458791 GJX458791 GTT458791 HDP458791 HNL458791 HXH458791 IHD458791 IQZ458791 JAV458791 JKR458791 JUN458791 KEJ458791 KOF458791 KYB458791 LHX458791 LRT458791 MBP458791 MLL458791 MVH458791 NFD458791 NOZ458791 NYV458791 OIR458791 OSN458791 PCJ458791 PMF458791 PWB458791 QFX458791 QPT458791 QZP458791 RJL458791 RTH458791 SDD458791 SMZ458791 SWV458791 TGR458791 TQN458791 UAJ458791 UKF458791 UUB458791 VDX458791 VNT458791 VXP458791 WHL458791 WRH458791 XBD458791 EV524327 OR524327 YN524327 AIJ524327 ASF524327 BCB524327 BLX524327 BVT524327 CFP524327 CPL524327 CZH524327 DJD524327 DSZ524327 ECV524327 EMR524327 EWN524327 FGJ524327 FQF524327 GAB524327 GJX524327 GTT524327 HDP524327 HNL524327 HXH524327 IHD524327 IQZ524327 JAV524327 JKR524327 JUN524327 KEJ524327 KOF524327 KYB524327 LHX524327 LRT524327 MBP524327 MLL524327 MVH524327 NFD524327 NOZ524327 NYV524327 OIR524327 OSN524327 PCJ524327 PMF524327 PWB524327 QFX524327 QPT524327 QZP524327 RJL524327 RTH524327 SDD524327 SMZ524327 SWV524327 TGR524327 TQN524327 UAJ524327 UKF524327 UUB524327 VDX524327 VNT524327 VXP524327 WHL524327 WRH524327 XBD524327 EV589863 OR589863 YN589863 AIJ589863 ASF589863 BCB589863 BLX589863 BVT589863 CFP589863 CPL589863 CZH589863 DJD589863 DSZ589863 ECV589863 EMR589863 EWN589863 FGJ589863 FQF589863 GAB589863 GJX589863 GTT589863 HDP589863 HNL589863 HXH589863 IHD589863 IQZ589863 JAV589863 JKR589863 JUN589863 KEJ589863 KOF589863 KYB589863 LHX589863 LRT589863 MBP589863 MLL589863 MVH589863 NFD589863 NOZ589863 NYV589863 OIR589863 OSN589863 PCJ589863 PMF589863 PWB589863 QFX589863 QPT589863 QZP589863 RJL589863 RTH589863 SDD589863 SMZ589863 SWV589863 TGR589863 TQN589863 UAJ589863 UKF589863 UUB589863 VDX589863 VNT589863 VXP589863 WHL589863 WRH589863 XBD589863 EV655399 OR655399 YN655399 AIJ655399 ASF655399 BCB655399 BLX655399 BVT655399 CFP655399 CPL655399 CZH655399 DJD655399 DSZ655399 ECV655399 EMR655399 EWN655399 FGJ655399 FQF655399 GAB655399 GJX655399 GTT655399 HDP655399 HNL655399 HXH655399 IHD655399 IQZ655399 JAV655399 JKR655399 JUN655399 KEJ655399 KOF655399 KYB655399 LHX655399 LRT655399 MBP655399 MLL655399 MVH655399 NFD655399 NOZ655399 NYV655399 OIR655399 OSN655399 PCJ655399 PMF655399 PWB655399 QFX655399 QPT655399 QZP655399 RJL655399 RTH655399 SDD655399 SMZ655399 SWV655399 TGR655399 TQN655399 UAJ655399 UKF655399 UUB655399 VDX655399 VNT655399 VXP655399 WHL655399 WRH655399 XBD655399 EV720935 OR720935 YN720935 AIJ720935 ASF720935 BCB720935 BLX720935 BVT720935 CFP720935 CPL720935 CZH720935 DJD720935 DSZ720935 ECV720935 EMR720935 EWN720935 FGJ720935 FQF720935 GAB720935 GJX720935 GTT720935 HDP720935 HNL720935 HXH720935 IHD720935 IQZ720935 JAV720935 JKR720935 JUN720935 KEJ720935 KOF720935 KYB720935 LHX720935 LRT720935 MBP720935 MLL720935 MVH720935 NFD720935 NOZ720935 NYV720935 OIR720935 OSN720935 PCJ720935 PMF720935 PWB720935 QFX720935 QPT720935 QZP720935 RJL720935 RTH720935 SDD720935 SMZ720935 SWV720935 TGR720935 TQN720935 UAJ720935 UKF720935 UUB720935 VDX720935 VNT720935 VXP720935 WHL720935 WRH720935 XBD720935 EV786471 OR786471 YN786471 AIJ786471 ASF786471 BCB786471 BLX786471 BVT786471 CFP786471 CPL786471 CZH786471 DJD786471 DSZ786471 ECV786471 EMR786471 EWN786471 FGJ786471 FQF786471 GAB786471 GJX786471 GTT786471 HDP786471 HNL786471 HXH786471 IHD786471 IQZ786471 JAV786471 JKR786471 JUN786471 KEJ786471 KOF786471 KYB786471 LHX786471 LRT786471 MBP786471 MLL786471 MVH786471 NFD786471 NOZ786471 NYV786471 OIR786471 OSN786471 PCJ786471 PMF786471 PWB786471 QFX786471 QPT786471 QZP786471 RJL786471 RTH786471 SDD786471 SMZ786471 SWV786471 TGR786471 TQN786471 UAJ786471 UKF786471 UUB786471 VDX786471 VNT786471 VXP786471 WHL786471 WRH786471 XBD786471 EV852007 OR852007 YN852007 AIJ852007 ASF852007 BCB852007 BLX852007 BVT852007 CFP852007 CPL852007 CZH852007 DJD852007 DSZ852007 ECV852007 EMR852007 EWN852007 FGJ852007 FQF852007 GAB852007 GJX852007 GTT852007 HDP852007 HNL852007 HXH852007 IHD852007 IQZ852007 JAV852007 JKR852007 JUN852007 KEJ852007 KOF852007 KYB852007 LHX852007 LRT852007 MBP852007 MLL852007 MVH852007 NFD852007 NOZ852007 NYV852007 OIR852007 OSN852007 PCJ852007 PMF852007 PWB852007 QFX852007 QPT852007 QZP852007 RJL852007 RTH852007 SDD852007 SMZ852007 SWV852007 TGR852007 TQN852007 UAJ852007 UKF852007 UUB852007 VDX852007 VNT852007 VXP852007 WHL852007 WRH852007 XBD852007 EV917543 OR917543 YN917543 AIJ917543 ASF917543 BCB917543 BLX917543 BVT917543 CFP917543 CPL917543 CZH917543 DJD917543 DSZ917543 ECV917543 EMR917543 EWN917543 FGJ917543 FQF917543 GAB917543 GJX917543 GTT917543 HDP917543 HNL917543 HXH917543 IHD917543 IQZ917543 JAV917543 JKR917543 JUN917543 KEJ917543 KOF917543 KYB917543 LHX917543 LRT917543 MBP917543 MLL917543 MVH917543 NFD917543 NOZ917543 NYV917543 OIR917543 OSN917543 PCJ917543 PMF917543 PWB917543 QFX917543 QPT917543 QZP917543 RJL917543 RTH917543 SDD917543 SMZ917543 SWV917543 TGR917543 TQN917543 UAJ917543 UKF917543 UUB917543 VDX917543 VNT917543 VXP917543 WHL917543 WRH917543 XBD917543 EV983079 OR983079 YN983079 AIJ983079 ASF983079 BCB983079 BLX983079 BVT983079 CFP983079 CPL983079 CZH983079 DJD983079 DSZ983079 ECV983079 EMR983079 EWN983079 FGJ983079 FQF983079 GAB983079 GJX983079 GTT983079 HDP983079 HNL983079 HXH983079 IHD983079 IQZ983079 JAV983079 JKR983079 JUN983079 KEJ983079 KOF983079 KYB983079 LHX983079 LRT983079 MBP983079 MLL983079 MVH983079 NFD983079 NOZ983079 NYV983079 OIR983079 OSN983079 PCJ983079 PMF983079 PWB983079 QFX983079 QPT983079 QZP983079 RJL983079 RTH983079 SDD983079 SMZ983079 SWV983079 TGR983079 TQN983079 UAJ983079 UKF983079 UUB983079 VDX983079 VNT983079 VXP983079 WHL983079 WRH983079 XBD983079 XBD983083 OR43 YN43 AIJ43 ASF43 BCB43 BLX43 BVT43 CFP43 CPL43 CZH43 DJD43 DSZ43 ECV43 EMR43 EWN43 FGJ43 FQF43 GAB43 GJX43 GTT43 HDP43 HNL43 HXH43 IHD43 IQZ43 JAV43 JKR43 JUN43 KEJ43 KOF43 KYB43 LHX43 LRT43 MBP43 MLL43 MVH43 NFD43 NOZ43 NYV43 OIR43 OSN43 PCJ43 PMF43 PWB43 QFX43 QPT43 QZP43 RJL43 RTH43 SDD43 SMZ43 SWV43 TGR43 TQN43 UAJ43 UKF43 UUB43 VDX43 VNT43 VXP43 WHL43 WRH43 XBD43 EV65579 OR65579 YN65579 AIJ65579 ASF65579 BCB65579 BLX65579 BVT65579 CFP65579 CPL65579 CZH65579 DJD65579 DSZ65579 ECV65579 EMR65579 EWN65579 FGJ65579 FQF65579 GAB65579 GJX65579 GTT65579 HDP65579 HNL65579 HXH65579 IHD65579 IQZ65579 JAV65579 JKR65579 JUN65579 KEJ65579 KOF65579 KYB65579 LHX65579 LRT65579 MBP65579 MLL65579 MVH65579 NFD65579 NOZ65579 NYV65579 OIR65579 OSN65579 PCJ65579 PMF65579 PWB65579 QFX65579 QPT65579 QZP65579 RJL65579 RTH65579 SDD65579 SMZ65579 SWV65579 TGR65579 TQN65579 UAJ65579 UKF65579 UUB65579 VDX65579 VNT65579 VXP65579 WHL65579 WRH65579 XBD65579 EV131115 OR131115 YN131115 AIJ131115 ASF131115 BCB131115 BLX131115 BVT131115 CFP131115 CPL131115 CZH131115 DJD131115 DSZ131115 ECV131115 EMR131115 EWN131115 FGJ131115 FQF131115 GAB131115 GJX131115 GTT131115 HDP131115 HNL131115 HXH131115 IHD131115 IQZ131115 JAV131115 JKR131115 JUN131115 KEJ131115 KOF131115 KYB131115 LHX131115 LRT131115 MBP131115 MLL131115 MVH131115 NFD131115 NOZ131115 NYV131115 OIR131115 OSN131115 PCJ131115 PMF131115 PWB131115 QFX131115 QPT131115 QZP131115 RJL131115 RTH131115 SDD131115 SMZ131115 SWV131115 TGR131115 TQN131115 UAJ131115 UKF131115 UUB131115 VDX131115 VNT131115 VXP131115 WHL131115 WRH131115 XBD131115 EV196651 OR196651 YN196651 AIJ196651 ASF196651 BCB196651 BLX196651 BVT196651 CFP196651 CPL196651 CZH196651 DJD196651 DSZ196651 ECV196651 EMR196651 EWN196651 FGJ196651 FQF196651 GAB196651 GJX196651 GTT196651 HDP196651 HNL196651 HXH196651 IHD196651 IQZ196651 JAV196651 JKR196651 JUN196651 KEJ196651 KOF196651 KYB196651 LHX196651 LRT196651 MBP196651 MLL196651 MVH196651 NFD196651 NOZ196651 NYV196651 OIR196651 OSN196651 PCJ196651 PMF196651 PWB196651 QFX196651 QPT196651 QZP196651 RJL196651 RTH196651 SDD196651 SMZ196651 SWV196651 TGR196651 TQN196651 UAJ196651 UKF196651 UUB196651 VDX196651 VNT196651 VXP196651 WHL196651 WRH196651 XBD196651 EV262187 OR262187 YN262187 AIJ262187 ASF262187 BCB262187 BLX262187 BVT262187 CFP262187 CPL262187 CZH262187 DJD262187 DSZ262187 ECV262187 EMR262187 EWN262187 FGJ262187 FQF262187 GAB262187 GJX262187 GTT262187 HDP262187 HNL262187 HXH262187 IHD262187 IQZ262187 JAV262187 JKR262187 JUN262187 KEJ262187 KOF262187 KYB262187 LHX262187 LRT262187 MBP262187 MLL262187 MVH262187 NFD262187 NOZ262187 NYV262187 OIR262187 OSN262187 PCJ262187 PMF262187 PWB262187 QFX262187 QPT262187 QZP262187 RJL262187 RTH262187 SDD262187 SMZ262187 SWV262187 TGR262187 TQN262187 UAJ262187 UKF262187 UUB262187 VDX262187 VNT262187 VXP262187 WHL262187 WRH262187 XBD262187 EV327723 OR327723 YN327723 AIJ327723 ASF327723 BCB327723 BLX327723 BVT327723 CFP327723 CPL327723 CZH327723 DJD327723 DSZ327723 ECV327723 EMR327723 EWN327723 FGJ327723 FQF327723 GAB327723 GJX327723 GTT327723 HDP327723 HNL327723 HXH327723 IHD327723 IQZ327723 JAV327723 JKR327723 JUN327723 KEJ327723 KOF327723 KYB327723 LHX327723 LRT327723 MBP327723 MLL327723 MVH327723 NFD327723 NOZ327723 NYV327723 OIR327723 OSN327723 PCJ327723 PMF327723 PWB327723 QFX327723 QPT327723 QZP327723 RJL327723 RTH327723 SDD327723 SMZ327723 SWV327723 TGR327723 TQN327723 UAJ327723 UKF327723 UUB327723 VDX327723 VNT327723 VXP327723 WHL327723 WRH327723 XBD327723 EV393259 OR393259 YN393259 AIJ393259 ASF393259 BCB393259 BLX393259 BVT393259 CFP393259 CPL393259 CZH393259 DJD393259 DSZ393259 ECV393259 EMR393259 EWN393259 FGJ393259 FQF393259 GAB393259 GJX393259 GTT393259 HDP393259 HNL393259 HXH393259 IHD393259 IQZ393259 JAV393259 JKR393259 JUN393259 KEJ393259 KOF393259 KYB393259 LHX393259 LRT393259 MBP393259 MLL393259 MVH393259 NFD393259 NOZ393259 NYV393259 OIR393259 OSN393259 PCJ393259 PMF393259 PWB393259 QFX393259 QPT393259 QZP393259 RJL393259 RTH393259 SDD393259 SMZ393259 SWV393259 TGR393259 TQN393259 UAJ393259 UKF393259 UUB393259 VDX393259 VNT393259 VXP393259 WHL393259 WRH393259 XBD393259 EV458795 OR458795 YN458795 AIJ458795 ASF458795 BCB458795 BLX458795 BVT458795 CFP458795 CPL458795 CZH458795 DJD458795 DSZ458795 ECV458795 EMR458795 EWN458795 FGJ458795 FQF458795 GAB458795 GJX458795 GTT458795 HDP458795 HNL458795 HXH458795 IHD458795 IQZ458795 JAV458795 JKR458795 JUN458795 KEJ458795 KOF458795 KYB458795 LHX458795 LRT458795 MBP458795 MLL458795 MVH458795 NFD458795 NOZ458795 NYV458795 OIR458795 OSN458795 PCJ458795 PMF458795 PWB458795 QFX458795 QPT458795 QZP458795 RJL458795 RTH458795 SDD458795 SMZ458795 SWV458795 TGR458795 TQN458795 UAJ458795 UKF458795 UUB458795 VDX458795 VNT458795 VXP458795 WHL458795 WRH458795 XBD458795 EV524331 OR524331 YN524331 AIJ524331 ASF524331 BCB524331 BLX524331 BVT524331 CFP524331 CPL524331 CZH524331 DJD524331 DSZ524331 ECV524331 EMR524331 EWN524331 FGJ524331 FQF524331 GAB524331 GJX524331 GTT524331 HDP524331 HNL524331 HXH524331 IHD524331 IQZ524331 JAV524331 JKR524331 JUN524331 KEJ524331 KOF524331 KYB524331 LHX524331 LRT524331 MBP524331 MLL524331 MVH524331 NFD524331 NOZ524331 NYV524331 OIR524331 OSN524331 PCJ524331 PMF524331 PWB524331 QFX524331 QPT524331 QZP524331 RJL524331 RTH524331 SDD524331 SMZ524331 SWV524331 TGR524331 TQN524331 UAJ524331 UKF524331 UUB524331 VDX524331 VNT524331 VXP524331 WHL524331 WRH524331 XBD524331 EV589867 OR589867 YN589867 AIJ589867 ASF589867 BCB589867 BLX589867 BVT589867 CFP589867 CPL589867 CZH589867 DJD589867 DSZ589867 ECV589867 EMR589867 EWN589867 FGJ589867 FQF589867 GAB589867 GJX589867 GTT589867 HDP589867 HNL589867 HXH589867 IHD589867 IQZ589867 JAV589867 JKR589867 JUN589867 KEJ589867 KOF589867 KYB589867 LHX589867 LRT589867 MBP589867 MLL589867 MVH589867 NFD589867 NOZ589867 NYV589867 OIR589867 OSN589867 PCJ589867 PMF589867 PWB589867 QFX589867 QPT589867 QZP589867 RJL589867 RTH589867 SDD589867 SMZ589867 SWV589867 TGR589867 TQN589867 UAJ589867 UKF589867 UUB589867 VDX589867 VNT589867 VXP589867 WHL589867 WRH589867 XBD589867 EV655403 OR655403 YN655403 AIJ655403 ASF655403 BCB655403 BLX655403 BVT655403 CFP655403 CPL655403 CZH655403 DJD655403 DSZ655403 ECV655403 EMR655403 EWN655403 FGJ655403 FQF655403 GAB655403 GJX655403 GTT655403 HDP655403 HNL655403 HXH655403 IHD655403 IQZ655403 JAV655403 JKR655403 JUN655403 KEJ655403 KOF655403 KYB655403 LHX655403 LRT655403 MBP655403 MLL655403 MVH655403 NFD655403 NOZ655403 NYV655403 OIR655403 OSN655403 PCJ655403 PMF655403 PWB655403 QFX655403 QPT655403 QZP655403 RJL655403 RTH655403 SDD655403 SMZ655403 SWV655403 TGR655403 TQN655403 UAJ655403 UKF655403 UUB655403 VDX655403 VNT655403 VXP655403 WHL655403 WRH655403 XBD655403 EV720939 OR720939 YN720939 AIJ720939 ASF720939 BCB720939 BLX720939 BVT720939 CFP720939 CPL720939 CZH720939 DJD720939 DSZ720939 ECV720939 EMR720939 EWN720939 FGJ720939 FQF720939 GAB720939 GJX720939 GTT720939 HDP720939 HNL720939 HXH720939 IHD720939 IQZ720939 JAV720939 JKR720939 JUN720939 KEJ720939 KOF720939 KYB720939 LHX720939 LRT720939 MBP720939 MLL720939 MVH720939 NFD720939 NOZ720939 NYV720939 OIR720939 OSN720939 PCJ720939 PMF720939 PWB720939 QFX720939 QPT720939 QZP720939 RJL720939 RTH720939 SDD720939 SMZ720939 SWV720939 TGR720939 TQN720939 UAJ720939 UKF720939 UUB720939 VDX720939 VNT720939 VXP720939 WHL720939 WRH720939 XBD720939 EV786475 OR786475 YN786475 AIJ786475 ASF786475 BCB786475 BLX786475 BVT786475 CFP786475 CPL786475 CZH786475 DJD786475 DSZ786475 ECV786475 EMR786475 EWN786475 FGJ786475 FQF786475 GAB786475 GJX786475 GTT786475 HDP786475 HNL786475 HXH786475 IHD786475 IQZ786475 JAV786475 JKR786475 JUN786475 KEJ786475 KOF786475 KYB786475 LHX786475 LRT786475 MBP786475 MLL786475 MVH786475 NFD786475 NOZ786475 NYV786475 OIR786475 OSN786475 PCJ786475 PMF786475 PWB786475 QFX786475 QPT786475 QZP786475 RJL786475 RTH786475 SDD786475 SMZ786475 SWV786475 TGR786475 TQN786475 UAJ786475 UKF786475 UUB786475 VDX786475 VNT786475 VXP786475 WHL786475 WRH786475 XBD786475 EV852011 OR852011 YN852011 AIJ852011 ASF852011 BCB852011 BLX852011 BVT852011 CFP852011 CPL852011 CZH852011 DJD852011 DSZ852011 ECV852011 EMR852011 EWN852011 FGJ852011 FQF852011 GAB852011 GJX852011 GTT852011 HDP852011 HNL852011 HXH852011 IHD852011 IQZ852011 JAV852011 JKR852011 JUN852011 KEJ852011 KOF852011 KYB852011 LHX852011 LRT852011 MBP852011 MLL852011 MVH852011 NFD852011 NOZ852011 NYV852011 OIR852011 OSN852011 PCJ852011 PMF852011 PWB852011 QFX852011 QPT852011 QZP852011 RJL852011 RTH852011 SDD852011 SMZ852011 SWV852011 TGR852011 TQN852011 UAJ852011 UKF852011 UUB852011 VDX852011 VNT852011 VXP852011 WHL852011 WRH852011 XBD852011 EV917547 OR917547 YN917547 AIJ917547 ASF917547 BCB917547 BLX917547 BVT917547 CFP917547 CPL917547 CZH917547 DJD917547 DSZ917547 ECV917547 EMR917547 EWN917547 FGJ917547 FQF917547 GAB917547 GJX917547 GTT917547 HDP917547 HNL917547 HXH917547 IHD917547 IQZ917547 JAV917547 JKR917547 JUN917547 KEJ917547 KOF917547 KYB917547 LHX917547 LRT917547 MBP917547 MLL917547 MVH917547 NFD917547 NOZ917547 NYV917547 OIR917547 OSN917547 PCJ917547 PMF917547 PWB917547 QFX917547 QPT917547 QZP917547 RJL917547 RTH917547 SDD917547 SMZ917547 SWV917547 TGR917547 TQN917547 UAJ917547 UKF917547 UUB917547 VDX917547 VNT917547 VXP917547 WHL917547 WRH917547 XBD917547 EV983083 OR983083 YN983083 AIJ983083 ASF983083 BCB983083 BLX983083 BVT983083 CFP983083 CPL983083 CZH983083 DJD983083 DSZ983083 ECV983083 EMR983083 EWN983083 FGJ983083 FQF983083 GAB983083 GJX983083 GTT983083 HDP983083 HNL983083 HXH983083 IHD983083 IQZ983083 JAV983083 JKR983083 JUN983083 KEJ983083 KOF983083 KYB983083 LHX983083 LRT983083 MBP983083 MLL983083 MVH983083 NFD983083 NOZ983083 NYV983083 OIR983083 OSN983083 PCJ983083 PMF983083 PWB983083 QFX983083 QPT983083 QZP983083 RJL983083 RTH983083 SDD983083 SMZ983083 SWV983083 TGR983083 TQN983083 UAJ983083 UKF983083 UUB983083 VDX983083 VNT983083 VXP983083 WHL983083" xr:uid="{4D4304CB-64B3-4717-AEB8-4E58C22B7451}">
      <formula1>"経過措置適用,非適用"</formula1>
    </dataValidation>
    <dataValidation type="list" allowBlank="1" showInputMessage="1" showErrorMessage="1" sqref="AA91 JY91:KB92 TU91:TX92 ADQ91:ADT92 ANM91:ANP92 AXI91:AXL92 BHE91:BHH92 BRA91:BRD92 CAW91:CAZ92 CKS91:CKV92 CUO91:CUR92 DEK91:DEN92 DOG91:DOJ92 DYC91:DYF92 EHY91:EIB92 ERU91:ERX92 FBQ91:FBT92 FLM91:FLP92 FVI91:FVL92 GFE91:GFH92 GPA91:GPD92 GYW91:GYZ92 HIS91:HIV92 HSO91:HSR92 ICK91:ICN92 IMG91:IMJ92 IWC91:IWF92 JFY91:JGB92 JPU91:JPX92 JZQ91:JZT92 KJM91:KJP92 KTI91:KTL92 LDE91:LDH92 LNA91:LND92 LWW91:LWZ92 MGS91:MGV92 MQO91:MQR92 NAK91:NAN92 NKG91:NKJ92 NUC91:NUF92 ODY91:OEB92 ONU91:ONX92 OXQ91:OXT92 PHM91:PHP92 PRI91:PRL92 QBE91:QBH92 QLA91:QLD92 QUW91:QUZ92 RES91:REV92 ROO91:ROR92 RYK91:RYN92 SIG91:SIJ92 SSC91:SSF92 TBY91:TCB92 TLU91:TLX92 TVQ91:TVT92 UFM91:UFP92 UPI91:UPL92 UZE91:UZH92 VJA91:VJD92 VSW91:VSZ92 WCS91:WCV92 WMO91:WMR92 WWK91:WWN92 AC65627:AF65628 JY65627:KB65628 TU65627:TX65628 ADQ65627:ADT65628 ANM65627:ANP65628 AXI65627:AXL65628 BHE65627:BHH65628 BRA65627:BRD65628 CAW65627:CAZ65628 CKS65627:CKV65628 CUO65627:CUR65628 DEK65627:DEN65628 DOG65627:DOJ65628 DYC65627:DYF65628 EHY65627:EIB65628 ERU65627:ERX65628 FBQ65627:FBT65628 FLM65627:FLP65628 FVI65627:FVL65628 GFE65627:GFH65628 GPA65627:GPD65628 GYW65627:GYZ65628 HIS65627:HIV65628 HSO65627:HSR65628 ICK65627:ICN65628 IMG65627:IMJ65628 IWC65627:IWF65628 JFY65627:JGB65628 JPU65627:JPX65628 JZQ65627:JZT65628 KJM65627:KJP65628 KTI65627:KTL65628 LDE65627:LDH65628 LNA65627:LND65628 LWW65627:LWZ65628 MGS65627:MGV65628 MQO65627:MQR65628 NAK65627:NAN65628 NKG65627:NKJ65628 NUC65627:NUF65628 ODY65627:OEB65628 ONU65627:ONX65628 OXQ65627:OXT65628 PHM65627:PHP65628 PRI65627:PRL65628 QBE65627:QBH65628 QLA65627:QLD65628 QUW65627:QUZ65628 RES65627:REV65628 ROO65627:ROR65628 RYK65627:RYN65628 SIG65627:SIJ65628 SSC65627:SSF65628 TBY65627:TCB65628 TLU65627:TLX65628 TVQ65627:TVT65628 UFM65627:UFP65628 UPI65627:UPL65628 UZE65627:UZH65628 VJA65627:VJD65628 VSW65627:VSZ65628 WCS65627:WCV65628 WMO65627:WMR65628 WWK65627:WWN65628 AC131163:AF131164 JY131163:KB131164 TU131163:TX131164 ADQ131163:ADT131164 ANM131163:ANP131164 AXI131163:AXL131164 BHE131163:BHH131164 BRA131163:BRD131164 CAW131163:CAZ131164 CKS131163:CKV131164 CUO131163:CUR131164 DEK131163:DEN131164 DOG131163:DOJ131164 DYC131163:DYF131164 EHY131163:EIB131164 ERU131163:ERX131164 FBQ131163:FBT131164 FLM131163:FLP131164 FVI131163:FVL131164 GFE131163:GFH131164 GPA131163:GPD131164 GYW131163:GYZ131164 HIS131163:HIV131164 HSO131163:HSR131164 ICK131163:ICN131164 IMG131163:IMJ131164 IWC131163:IWF131164 JFY131163:JGB131164 JPU131163:JPX131164 JZQ131163:JZT131164 KJM131163:KJP131164 KTI131163:KTL131164 LDE131163:LDH131164 LNA131163:LND131164 LWW131163:LWZ131164 MGS131163:MGV131164 MQO131163:MQR131164 NAK131163:NAN131164 NKG131163:NKJ131164 NUC131163:NUF131164 ODY131163:OEB131164 ONU131163:ONX131164 OXQ131163:OXT131164 PHM131163:PHP131164 PRI131163:PRL131164 QBE131163:QBH131164 QLA131163:QLD131164 QUW131163:QUZ131164 RES131163:REV131164 ROO131163:ROR131164 RYK131163:RYN131164 SIG131163:SIJ131164 SSC131163:SSF131164 TBY131163:TCB131164 TLU131163:TLX131164 TVQ131163:TVT131164 UFM131163:UFP131164 UPI131163:UPL131164 UZE131163:UZH131164 VJA131163:VJD131164 VSW131163:VSZ131164 WCS131163:WCV131164 WMO131163:WMR131164 WWK131163:WWN131164 AC196699:AF196700 JY196699:KB196700 TU196699:TX196700 ADQ196699:ADT196700 ANM196699:ANP196700 AXI196699:AXL196700 BHE196699:BHH196700 BRA196699:BRD196700 CAW196699:CAZ196700 CKS196699:CKV196700 CUO196699:CUR196700 DEK196699:DEN196700 DOG196699:DOJ196700 DYC196699:DYF196700 EHY196699:EIB196700 ERU196699:ERX196700 FBQ196699:FBT196700 FLM196699:FLP196700 FVI196699:FVL196700 GFE196699:GFH196700 GPA196699:GPD196700 GYW196699:GYZ196700 HIS196699:HIV196700 HSO196699:HSR196700 ICK196699:ICN196700 IMG196699:IMJ196700 IWC196699:IWF196700 JFY196699:JGB196700 JPU196699:JPX196700 JZQ196699:JZT196700 KJM196699:KJP196700 KTI196699:KTL196700 LDE196699:LDH196700 LNA196699:LND196700 LWW196699:LWZ196700 MGS196699:MGV196700 MQO196699:MQR196700 NAK196699:NAN196700 NKG196699:NKJ196700 NUC196699:NUF196700 ODY196699:OEB196700 ONU196699:ONX196700 OXQ196699:OXT196700 PHM196699:PHP196700 PRI196699:PRL196700 QBE196699:QBH196700 QLA196699:QLD196700 QUW196699:QUZ196700 RES196699:REV196700 ROO196699:ROR196700 RYK196699:RYN196700 SIG196699:SIJ196700 SSC196699:SSF196700 TBY196699:TCB196700 TLU196699:TLX196700 TVQ196699:TVT196700 UFM196699:UFP196700 UPI196699:UPL196700 UZE196699:UZH196700 VJA196699:VJD196700 VSW196699:VSZ196700 WCS196699:WCV196700 WMO196699:WMR196700 WWK196699:WWN196700 AC262235:AF262236 JY262235:KB262236 TU262235:TX262236 ADQ262235:ADT262236 ANM262235:ANP262236 AXI262235:AXL262236 BHE262235:BHH262236 BRA262235:BRD262236 CAW262235:CAZ262236 CKS262235:CKV262236 CUO262235:CUR262236 DEK262235:DEN262236 DOG262235:DOJ262236 DYC262235:DYF262236 EHY262235:EIB262236 ERU262235:ERX262236 FBQ262235:FBT262236 FLM262235:FLP262236 FVI262235:FVL262236 GFE262235:GFH262236 GPA262235:GPD262236 GYW262235:GYZ262236 HIS262235:HIV262236 HSO262235:HSR262236 ICK262235:ICN262236 IMG262235:IMJ262236 IWC262235:IWF262236 JFY262235:JGB262236 JPU262235:JPX262236 JZQ262235:JZT262236 KJM262235:KJP262236 KTI262235:KTL262236 LDE262235:LDH262236 LNA262235:LND262236 LWW262235:LWZ262236 MGS262235:MGV262236 MQO262235:MQR262236 NAK262235:NAN262236 NKG262235:NKJ262236 NUC262235:NUF262236 ODY262235:OEB262236 ONU262235:ONX262236 OXQ262235:OXT262236 PHM262235:PHP262236 PRI262235:PRL262236 QBE262235:QBH262236 QLA262235:QLD262236 QUW262235:QUZ262236 RES262235:REV262236 ROO262235:ROR262236 RYK262235:RYN262236 SIG262235:SIJ262236 SSC262235:SSF262236 TBY262235:TCB262236 TLU262235:TLX262236 TVQ262235:TVT262236 UFM262235:UFP262236 UPI262235:UPL262236 UZE262235:UZH262236 VJA262235:VJD262236 VSW262235:VSZ262236 WCS262235:WCV262236 WMO262235:WMR262236 WWK262235:WWN262236 AC327771:AF327772 JY327771:KB327772 TU327771:TX327772 ADQ327771:ADT327772 ANM327771:ANP327772 AXI327771:AXL327772 BHE327771:BHH327772 BRA327771:BRD327772 CAW327771:CAZ327772 CKS327771:CKV327772 CUO327771:CUR327772 DEK327771:DEN327772 DOG327771:DOJ327772 DYC327771:DYF327772 EHY327771:EIB327772 ERU327771:ERX327772 FBQ327771:FBT327772 FLM327771:FLP327772 FVI327771:FVL327772 GFE327771:GFH327772 GPA327771:GPD327772 GYW327771:GYZ327772 HIS327771:HIV327772 HSO327771:HSR327772 ICK327771:ICN327772 IMG327771:IMJ327772 IWC327771:IWF327772 JFY327771:JGB327772 JPU327771:JPX327772 JZQ327771:JZT327772 KJM327771:KJP327772 KTI327771:KTL327772 LDE327771:LDH327772 LNA327771:LND327772 LWW327771:LWZ327772 MGS327771:MGV327772 MQO327771:MQR327772 NAK327771:NAN327772 NKG327771:NKJ327772 NUC327771:NUF327772 ODY327771:OEB327772 ONU327771:ONX327772 OXQ327771:OXT327772 PHM327771:PHP327772 PRI327771:PRL327772 QBE327771:QBH327772 QLA327771:QLD327772 QUW327771:QUZ327772 RES327771:REV327772 ROO327771:ROR327772 RYK327771:RYN327772 SIG327771:SIJ327772 SSC327771:SSF327772 TBY327771:TCB327772 TLU327771:TLX327772 TVQ327771:TVT327772 UFM327771:UFP327772 UPI327771:UPL327772 UZE327771:UZH327772 VJA327771:VJD327772 VSW327771:VSZ327772 WCS327771:WCV327772 WMO327771:WMR327772 WWK327771:WWN327772 AC393307:AF393308 JY393307:KB393308 TU393307:TX393308 ADQ393307:ADT393308 ANM393307:ANP393308 AXI393307:AXL393308 BHE393307:BHH393308 BRA393307:BRD393308 CAW393307:CAZ393308 CKS393307:CKV393308 CUO393307:CUR393308 DEK393307:DEN393308 DOG393307:DOJ393308 DYC393307:DYF393308 EHY393307:EIB393308 ERU393307:ERX393308 FBQ393307:FBT393308 FLM393307:FLP393308 FVI393307:FVL393308 GFE393307:GFH393308 GPA393307:GPD393308 GYW393307:GYZ393308 HIS393307:HIV393308 HSO393307:HSR393308 ICK393307:ICN393308 IMG393307:IMJ393308 IWC393307:IWF393308 JFY393307:JGB393308 JPU393307:JPX393308 JZQ393307:JZT393308 KJM393307:KJP393308 KTI393307:KTL393308 LDE393307:LDH393308 LNA393307:LND393308 LWW393307:LWZ393308 MGS393307:MGV393308 MQO393307:MQR393308 NAK393307:NAN393308 NKG393307:NKJ393308 NUC393307:NUF393308 ODY393307:OEB393308 ONU393307:ONX393308 OXQ393307:OXT393308 PHM393307:PHP393308 PRI393307:PRL393308 QBE393307:QBH393308 QLA393307:QLD393308 QUW393307:QUZ393308 RES393307:REV393308 ROO393307:ROR393308 RYK393307:RYN393308 SIG393307:SIJ393308 SSC393307:SSF393308 TBY393307:TCB393308 TLU393307:TLX393308 TVQ393307:TVT393308 UFM393307:UFP393308 UPI393307:UPL393308 UZE393307:UZH393308 VJA393307:VJD393308 VSW393307:VSZ393308 WCS393307:WCV393308 WMO393307:WMR393308 WWK393307:WWN393308 AC458843:AF458844 JY458843:KB458844 TU458843:TX458844 ADQ458843:ADT458844 ANM458843:ANP458844 AXI458843:AXL458844 BHE458843:BHH458844 BRA458843:BRD458844 CAW458843:CAZ458844 CKS458843:CKV458844 CUO458843:CUR458844 DEK458843:DEN458844 DOG458843:DOJ458844 DYC458843:DYF458844 EHY458843:EIB458844 ERU458843:ERX458844 FBQ458843:FBT458844 FLM458843:FLP458844 FVI458843:FVL458844 GFE458843:GFH458844 GPA458843:GPD458844 GYW458843:GYZ458844 HIS458843:HIV458844 HSO458843:HSR458844 ICK458843:ICN458844 IMG458843:IMJ458844 IWC458843:IWF458844 JFY458843:JGB458844 JPU458843:JPX458844 JZQ458843:JZT458844 KJM458843:KJP458844 KTI458843:KTL458844 LDE458843:LDH458844 LNA458843:LND458844 LWW458843:LWZ458844 MGS458843:MGV458844 MQO458843:MQR458844 NAK458843:NAN458844 NKG458843:NKJ458844 NUC458843:NUF458844 ODY458843:OEB458844 ONU458843:ONX458844 OXQ458843:OXT458844 PHM458843:PHP458844 PRI458843:PRL458844 QBE458843:QBH458844 QLA458843:QLD458844 QUW458843:QUZ458844 RES458843:REV458844 ROO458843:ROR458844 RYK458843:RYN458844 SIG458843:SIJ458844 SSC458843:SSF458844 TBY458843:TCB458844 TLU458843:TLX458844 TVQ458843:TVT458844 UFM458843:UFP458844 UPI458843:UPL458844 UZE458843:UZH458844 VJA458843:VJD458844 VSW458843:VSZ458844 WCS458843:WCV458844 WMO458843:WMR458844 WWK458843:WWN458844 AC524379:AF524380 JY524379:KB524380 TU524379:TX524380 ADQ524379:ADT524380 ANM524379:ANP524380 AXI524379:AXL524380 BHE524379:BHH524380 BRA524379:BRD524380 CAW524379:CAZ524380 CKS524379:CKV524380 CUO524379:CUR524380 DEK524379:DEN524380 DOG524379:DOJ524380 DYC524379:DYF524380 EHY524379:EIB524380 ERU524379:ERX524380 FBQ524379:FBT524380 FLM524379:FLP524380 FVI524379:FVL524380 GFE524379:GFH524380 GPA524379:GPD524380 GYW524379:GYZ524380 HIS524379:HIV524380 HSO524379:HSR524380 ICK524379:ICN524380 IMG524379:IMJ524380 IWC524379:IWF524380 JFY524379:JGB524380 JPU524379:JPX524380 JZQ524379:JZT524380 KJM524379:KJP524380 KTI524379:KTL524380 LDE524379:LDH524380 LNA524379:LND524380 LWW524379:LWZ524380 MGS524379:MGV524380 MQO524379:MQR524380 NAK524379:NAN524380 NKG524379:NKJ524380 NUC524379:NUF524380 ODY524379:OEB524380 ONU524379:ONX524380 OXQ524379:OXT524380 PHM524379:PHP524380 PRI524379:PRL524380 QBE524379:QBH524380 QLA524379:QLD524380 QUW524379:QUZ524380 RES524379:REV524380 ROO524379:ROR524380 RYK524379:RYN524380 SIG524379:SIJ524380 SSC524379:SSF524380 TBY524379:TCB524380 TLU524379:TLX524380 TVQ524379:TVT524380 UFM524379:UFP524380 UPI524379:UPL524380 UZE524379:UZH524380 VJA524379:VJD524380 VSW524379:VSZ524380 WCS524379:WCV524380 WMO524379:WMR524380 WWK524379:WWN524380 AC589915:AF589916 JY589915:KB589916 TU589915:TX589916 ADQ589915:ADT589916 ANM589915:ANP589916 AXI589915:AXL589916 BHE589915:BHH589916 BRA589915:BRD589916 CAW589915:CAZ589916 CKS589915:CKV589916 CUO589915:CUR589916 DEK589915:DEN589916 DOG589915:DOJ589916 DYC589915:DYF589916 EHY589915:EIB589916 ERU589915:ERX589916 FBQ589915:FBT589916 FLM589915:FLP589916 FVI589915:FVL589916 GFE589915:GFH589916 GPA589915:GPD589916 GYW589915:GYZ589916 HIS589915:HIV589916 HSO589915:HSR589916 ICK589915:ICN589916 IMG589915:IMJ589916 IWC589915:IWF589916 JFY589915:JGB589916 JPU589915:JPX589916 JZQ589915:JZT589916 KJM589915:KJP589916 KTI589915:KTL589916 LDE589915:LDH589916 LNA589915:LND589916 LWW589915:LWZ589916 MGS589915:MGV589916 MQO589915:MQR589916 NAK589915:NAN589916 NKG589915:NKJ589916 NUC589915:NUF589916 ODY589915:OEB589916 ONU589915:ONX589916 OXQ589915:OXT589916 PHM589915:PHP589916 PRI589915:PRL589916 QBE589915:QBH589916 QLA589915:QLD589916 QUW589915:QUZ589916 RES589915:REV589916 ROO589915:ROR589916 RYK589915:RYN589916 SIG589915:SIJ589916 SSC589915:SSF589916 TBY589915:TCB589916 TLU589915:TLX589916 TVQ589915:TVT589916 UFM589915:UFP589916 UPI589915:UPL589916 UZE589915:UZH589916 VJA589915:VJD589916 VSW589915:VSZ589916 WCS589915:WCV589916 WMO589915:WMR589916 WWK589915:WWN589916 AC655451:AF655452 JY655451:KB655452 TU655451:TX655452 ADQ655451:ADT655452 ANM655451:ANP655452 AXI655451:AXL655452 BHE655451:BHH655452 BRA655451:BRD655452 CAW655451:CAZ655452 CKS655451:CKV655452 CUO655451:CUR655452 DEK655451:DEN655452 DOG655451:DOJ655452 DYC655451:DYF655452 EHY655451:EIB655452 ERU655451:ERX655452 FBQ655451:FBT655452 FLM655451:FLP655452 FVI655451:FVL655452 GFE655451:GFH655452 GPA655451:GPD655452 GYW655451:GYZ655452 HIS655451:HIV655452 HSO655451:HSR655452 ICK655451:ICN655452 IMG655451:IMJ655452 IWC655451:IWF655452 JFY655451:JGB655452 JPU655451:JPX655452 JZQ655451:JZT655452 KJM655451:KJP655452 KTI655451:KTL655452 LDE655451:LDH655452 LNA655451:LND655452 LWW655451:LWZ655452 MGS655451:MGV655452 MQO655451:MQR655452 NAK655451:NAN655452 NKG655451:NKJ655452 NUC655451:NUF655452 ODY655451:OEB655452 ONU655451:ONX655452 OXQ655451:OXT655452 PHM655451:PHP655452 PRI655451:PRL655452 QBE655451:QBH655452 QLA655451:QLD655452 QUW655451:QUZ655452 RES655451:REV655452 ROO655451:ROR655452 RYK655451:RYN655452 SIG655451:SIJ655452 SSC655451:SSF655452 TBY655451:TCB655452 TLU655451:TLX655452 TVQ655451:TVT655452 UFM655451:UFP655452 UPI655451:UPL655452 UZE655451:UZH655452 VJA655451:VJD655452 VSW655451:VSZ655452 WCS655451:WCV655452 WMO655451:WMR655452 WWK655451:WWN655452 AC720987:AF720988 JY720987:KB720988 TU720987:TX720988 ADQ720987:ADT720988 ANM720987:ANP720988 AXI720987:AXL720988 BHE720987:BHH720988 BRA720987:BRD720988 CAW720987:CAZ720988 CKS720987:CKV720988 CUO720987:CUR720988 DEK720987:DEN720988 DOG720987:DOJ720988 DYC720987:DYF720988 EHY720987:EIB720988 ERU720987:ERX720988 FBQ720987:FBT720988 FLM720987:FLP720988 FVI720987:FVL720988 GFE720987:GFH720988 GPA720987:GPD720988 GYW720987:GYZ720988 HIS720987:HIV720988 HSO720987:HSR720988 ICK720987:ICN720988 IMG720987:IMJ720988 IWC720987:IWF720988 JFY720987:JGB720988 JPU720987:JPX720988 JZQ720987:JZT720988 KJM720987:KJP720988 KTI720987:KTL720988 LDE720987:LDH720988 LNA720987:LND720988 LWW720987:LWZ720988 MGS720987:MGV720988 MQO720987:MQR720988 NAK720987:NAN720988 NKG720987:NKJ720988 NUC720987:NUF720988 ODY720987:OEB720988 ONU720987:ONX720988 OXQ720987:OXT720988 PHM720987:PHP720988 PRI720987:PRL720988 QBE720987:QBH720988 QLA720987:QLD720988 QUW720987:QUZ720988 RES720987:REV720988 ROO720987:ROR720988 RYK720987:RYN720988 SIG720987:SIJ720988 SSC720987:SSF720988 TBY720987:TCB720988 TLU720987:TLX720988 TVQ720987:TVT720988 UFM720987:UFP720988 UPI720987:UPL720988 UZE720987:UZH720988 VJA720987:VJD720988 VSW720987:VSZ720988 WCS720987:WCV720988 WMO720987:WMR720988 WWK720987:WWN720988 AC786523:AF786524 JY786523:KB786524 TU786523:TX786524 ADQ786523:ADT786524 ANM786523:ANP786524 AXI786523:AXL786524 BHE786523:BHH786524 BRA786523:BRD786524 CAW786523:CAZ786524 CKS786523:CKV786524 CUO786523:CUR786524 DEK786523:DEN786524 DOG786523:DOJ786524 DYC786523:DYF786524 EHY786523:EIB786524 ERU786523:ERX786524 FBQ786523:FBT786524 FLM786523:FLP786524 FVI786523:FVL786524 GFE786523:GFH786524 GPA786523:GPD786524 GYW786523:GYZ786524 HIS786523:HIV786524 HSO786523:HSR786524 ICK786523:ICN786524 IMG786523:IMJ786524 IWC786523:IWF786524 JFY786523:JGB786524 JPU786523:JPX786524 JZQ786523:JZT786524 KJM786523:KJP786524 KTI786523:KTL786524 LDE786523:LDH786524 LNA786523:LND786524 LWW786523:LWZ786524 MGS786523:MGV786524 MQO786523:MQR786524 NAK786523:NAN786524 NKG786523:NKJ786524 NUC786523:NUF786524 ODY786523:OEB786524 ONU786523:ONX786524 OXQ786523:OXT786524 PHM786523:PHP786524 PRI786523:PRL786524 QBE786523:QBH786524 QLA786523:QLD786524 QUW786523:QUZ786524 RES786523:REV786524 ROO786523:ROR786524 RYK786523:RYN786524 SIG786523:SIJ786524 SSC786523:SSF786524 TBY786523:TCB786524 TLU786523:TLX786524 TVQ786523:TVT786524 UFM786523:UFP786524 UPI786523:UPL786524 UZE786523:UZH786524 VJA786523:VJD786524 VSW786523:VSZ786524 WCS786523:WCV786524 WMO786523:WMR786524 WWK786523:WWN786524 AC852059:AF852060 JY852059:KB852060 TU852059:TX852060 ADQ852059:ADT852060 ANM852059:ANP852060 AXI852059:AXL852060 BHE852059:BHH852060 BRA852059:BRD852060 CAW852059:CAZ852060 CKS852059:CKV852060 CUO852059:CUR852060 DEK852059:DEN852060 DOG852059:DOJ852060 DYC852059:DYF852060 EHY852059:EIB852060 ERU852059:ERX852060 FBQ852059:FBT852060 FLM852059:FLP852060 FVI852059:FVL852060 GFE852059:GFH852060 GPA852059:GPD852060 GYW852059:GYZ852060 HIS852059:HIV852060 HSO852059:HSR852060 ICK852059:ICN852060 IMG852059:IMJ852060 IWC852059:IWF852060 JFY852059:JGB852060 JPU852059:JPX852060 JZQ852059:JZT852060 KJM852059:KJP852060 KTI852059:KTL852060 LDE852059:LDH852060 LNA852059:LND852060 LWW852059:LWZ852060 MGS852059:MGV852060 MQO852059:MQR852060 NAK852059:NAN852060 NKG852059:NKJ852060 NUC852059:NUF852060 ODY852059:OEB852060 ONU852059:ONX852060 OXQ852059:OXT852060 PHM852059:PHP852060 PRI852059:PRL852060 QBE852059:QBH852060 QLA852059:QLD852060 QUW852059:QUZ852060 RES852059:REV852060 ROO852059:ROR852060 RYK852059:RYN852060 SIG852059:SIJ852060 SSC852059:SSF852060 TBY852059:TCB852060 TLU852059:TLX852060 TVQ852059:TVT852060 UFM852059:UFP852060 UPI852059:UPL852060 UZE852059:UZH852060 VJA852059:VJD852060 VSW852059:VSZ852060 WCS852059:WCV852060 WMO852059:WMR852060 WWK852059:WWN852060 AC917595:AF917596 JY917595:KB917596 TU917595:TX917596 ADQ917595:ADT917596 ANM917595:ANP917596 AXI917595:AXL917596 BHE917595:BHH917596 BRA917595:BRD917596 CAW917595:CAZ917596 CKS917595:CKV917596 CUO917595:CUR917596 DEK917595:DEN917596 DOG917595:DOJ917596 DYC917595:DYF917596 EHY917595:EIB917596 ERU917595:ERX917596 FBQ917595:FBT917596 FLM917595:FLP917596 FVI917595:FVL917596 GFE917595:GFH917596 GPA917595:GPD917596 GYW917595:GYZ917596 HIS917595:HIV917596 HSO917595:HSR917596 ICK917595:ICN917596 IMG917595:IMJ917596 IWC917595:IWF917596 JFY917595:JGB917596 JPU917595:JPX917596 JZQ917595:JZT917596 KJM917595:KJP917596 KTI917595:KTL917596 LDE917595:LDH917596 LNA917595:LND917596 LWW917595:LWZ917596 MGS917595:MGV917596 MQO917595:MQR917596 NAK917595:NAN917596 NKG917595:NKJ917596 NUC917595:NUF917596 ODY917595:OEB917596 ONU917595:ONX917596 OXQ917595:OXT917596 PHM917595:PHP917596 PRI917595:PRL917596 QBE917595:QBH917596 QLA917595:QLD917596 QUW917595:QUZ917596 RES917595:REV917596 ROO917595:ROR917596 RYK917595:RYN917596 SIG917595:SIJ917596 SSC917595:SSF917596 TBY917595:TCB917596 TLU917595:TLX917596 TVQ917595:TVT917596 UFM917595:UFP917596 UPI917595:UPL917596 UZE917595:UZH917596 VJA917595:VJD917596 VSW917595:VSZ917596 WCS917595:WCV917596 WMO917595:WMR917596 WWK917595:WWN917596 AC983131:AF983132 JY983131:KB983132 TU983131:TX983132 ADQ983131:ADT983132 ANM983131:ANP983132 AXI983131:AXL983132 BHE983131:BHH983132 BRA983131:BRD983132 CAW983131:CAZ983132 CKS983131:CKV983132 CUO983131:CUR983132 DEK983131:DEN983132 DOG983131:DOJ983132 DYC983131:DYF983132 EHY983131:EIB983132 ERU983131:ERX983132 FBQ983131:FBT983132 FLM983131:FLP983132 FVI983131:FVL983132 GFE983131:GFH983132 GPA983131:GPD983132 GYW983131:GYZ983132 HIS983131:HIV983132 HSO983131:HSR983132 ICK983131:ICN983132 IMG983131:IMJ983132 IWC983131:IWF983132 JFY983131:JGB983132 JPU983131:JPX983132 JZQ983131:JZT983132 KJM983131:KJP983132 KTI983131:KTL983132 LDE983131:LDH983132 LNA983131:LND983132 LWW983131:LWZ983132 MGS983131:MGV983132 MQO983131:MQR983132 NAK983131:NAN983132 NKG983131:NKJ983132 NUC983131:NUF983132 ODY983131:OEB983132 ONU983131:ONX983132 OXQ983131:OXT983132 PHM983131:PHP983132 PRI983131:PRL983132 QBE983131:QBH983132 QLA983131:QLD983132 QUW983131:QUZ983132 RES983131:REV983132 ROO983131:ROR983132 RYK983131:RYN983132 SIG983131:SIJ983132 SSC983131:SSF983132 TBY983131:TCB983132 TLU983131:TLX983132 TVQ983131:TVT983132 UFM983131:UFP983132 UPI983131:UPL983132 UZE983131:UZH983132 VJA983131:VJD983132 VSW983131:VSZ983132 WCS983131:WCV983132 WMO983131:WMR983132 WWK983131:WWN983132" xr:uid="{633CD620-1F09-44F1-8504-917DE3BEC5BD}">
      <formula1>"●"</formula1>
    </dataValidation>
    <dataValidation type="list" showInputMessage="1" sqref="S30 JO30 TK30 ADG30 ANC30 AWY30 BGU30 BQQ30 CAM30 CKI30 CUE30 DEA30 DNW30 DXS30 EHO30 ERK30 FBG30 FLC30 FUY30 GEU30 GOQ30 GYM30 HII30 HSE30 ICA30 ILW30 IVS30 JFO30 JPK30 JZG30 KJC30 KSY30 LCU30 LMQ30 LWM30 MGI30 MQE30 NAA30 NJW30 NTS30 ODO30 ONK30 OXG30 PHC30 PQY30 QAU30 QKQ30 QUM30 REI30 ROE30 RYA30 SHW30 SRS30 TBO30 TLK30 TVG30 UFC30 UOY30 UYU30 VIQ30 VSM30 WCI30 WME30 WWA30 S65566 JO65566 TK65566 ADG65566 ANC65566 AWY65566 BGU65566 BQQ65566 CAM65566 CKI65566 CUE65566 DEA65566 DNW65566 DXS65566 EHO65566 ERK65566 FBG65566 FLC65566 FUY65566 GEU65566 GOQ65566 GYM65566 HII65566 HSE65566 ICA65566 ILW65566 IVS65566 JFO65566 JPK65566 JZG65566 KJC65566 KSY65566 LCU65566 LMQ65566 LWM65566 MGI65566 MQE65566 NAA65566 NJW65566 NTS65566 ODO65566 ONK65566 OXG65566 PHC65566 PQY65566 QAU65566 QKQ65566 QUM65566 REI65566 ROE65566 RYA65566 SHW65566 SRS65566 TBO65566 TLK65566 TVG65566 UFC65566 UOY65566 UYU65566 VIQ65566 VSM65566 WCI65566 WME65566 WWA65566 S131102 JO131102 TK131102 ADG131102 ANC131102 AWY131102 BGU131102 BQQ131102 CAM131102 CKI131102 CUE131102 DEA131102 DNW131102 DXS131102 EHO131102 ERK131102 FBG131102 FLC131102 FUY131102 GEU131102 GOQ131102 GYM131102 HII131102 HSE131102 ICA131102 ILW131102 IVS131102 JFO131102 JPK131102 JZG131102 KJC131102 KSY131102 LCU131102 LMQ131102 LWM131102 MGI131102 MQE131102 NAA131102 NJW131102 NTS131102 ODO131102 ONK131102 OXG131102 PHC131102 PQY131102 QAU131102 QKQ131102 QUM131102 REI131102 ROE131102 RYA131102 SHW131102 SRS131102 TBO131102 TLK131102 TVG131102 UFC131102 UOY131102 UYU131102 VIQ131102 VSM131102 WCI131102 WME131102 WWA131102 S196638 JO196638 TK196638 ADG196638 ANC196638 AWY196638 BGU196638 BQQ196638 CAM196638 CKI196638 CUE196638 DEA196638 DNW196638 DXS196638 EHO196638 ERK196638 FBG196638 FLC196638 FUY196638 GEU196638 GOQ196638 GYM196638 HII196638 HSE196638 ICA196638 ILW196638 IVS196638 JFO196638 JPK196638 JZG196638 KJC196638 KSY196638 LCU196638 LMQ196638 LWM196638 MGI196638 MQE196638 NAA196638 NJW196638 NTS196638 ODO196638 ONK196638 OXG196638 PHC196638 PQY196638 QAU196638 QKQ196638 QUM196638 REI196638 ROE196638 RYA196638 SHW196638 SRS196638 TBO196638 TLK196638 TVG196638 UFC196638 UOY196638 UYU196638 VIQ196638 VSM196638 WCI196638 WME196638 WWA196638 S262174 JO262174 TK262174 ADG262174 ANC262174 AWY262174 BGU262174 BQQ262174 CAM262174 CKI262174 CUE262174 DEA262174 DNW262174 DXS262174 EHO262174 ERK262174 FBG262174 FLC262174 FUY262174 GEU262174 GOQ262174 GYM262174 HII262174 HSE262174 ICA262174 ILW262174 IVS262174 JFO262174 JPK262174 JZG262174 KJC262174 KSY262174 LCU262174 LMQ262174 LWM262174 MGI262174 MQE262174 NAA262174 NJW262174 NTS262174 ODO262174 ONK262174 OXG262174 PHC262174 PQY262174 QAU262174 QKQ262174 QUM262174 REI262174 ROE262174 RYA262174 SHW262174 SRS262174 TBO262174 TLK262174 TVG262174 UFC262174 UOY262174 UYU262174 VIQ262174 VSM262174 WCI262174 WME262174 WWA262174 S327710 JO327710 TK327710 ADG327710 ANC327710 AWY327710 BGU327710 BQQ327710 CAM327710 CKI327710 CUE327710 DEA327710 DNW327710 DXS327710 EHO327710 ERK327710 FBG327710 FLC327710 FUY327710 GEU327710 GOQ327710 GYM327710 HII327710 HSE327710 ICA327710 ILW327710 IVS327710 JFO327710 JPK327710 JZG327710 KJC327710 KSY327710 LCU327710 LMQ327710 LWM327710 MGI327710 MQE327710 NAA327710 NJW327710 NTS327710 ODO327710 ONK327710 OXG327710 PHC327710 PQY327710 QAU327710 QKQ327710 QUM327710 REI327710 ROE327710 RYA327710 SHW327710 SRS327710 TBO327710 TLK327710 TVG327710 UFC327710 UOY327710 UYU327710 VIQ327710 VSM327710 WCI327710 WME327710 WWA327710 S393246 JO393246 TK393246 ADG393246 ANC393246 AWY393246 BGU393246 BQQ393246 CAM393246 CKI393246 CUE393246 DEA393246 DNW393246 DXS393246 EHO393246 ERK393246 FBG393246 FLC393246 FUY393246 GEU393246 GOQ393246 GYM393246 HII393246 HSE393246 ICA393246 ILW393246 IVS393246 JFO393246 JPK393246 JZG393246 KJC393246 KSY393246 LCU393246 LMQ393246 LWM393246 MGI393246 MQE393246 NAA393246 NJW393246 NTS393246 ODO393246 ONK393246 OXG393246 PHC393246 PQY393246 QAU393246 QKQ393246 QUM393246 REI393246 ROE393246 RYA393246 SHW393246 SRS393246 TBO393246 TLK393246 TVG393246 UFC393246 UOY393246 UYU393246 VIQ393246 VSM393246 WCI393246 WME393246 WWA393246 S458782 JO458782 TK458782 ADG458782 ANC458782 AWY458782 BGU458782 BQQ458782 CAM458782 CKI458782 CUE458782 DEA458782 DNW458782 DXS458782 EHO458782 ERK458782 FBG458782 FLC458782 FUY458782 GEU458782 GOQ458782 GYM458782 HII458782 HSE458782 ICA458782 ILW458782 IVS458782 JFO458782 JPK458782 JZG458782 KJC458782 KSY458782 LCU458782 LMQ458782 LWM458782 MGI458782 MQE458782 NAA458782 NJW458782 NTS458782 ODO458782 ONK458782 OXG458782 PHC458782 PQY458782 QAU458782 QKQ458782 QUM458782 REI458782 ROE458782 RYA458782 SHW458782 SRS458782 TBO458782 TLK458782 TVG458782 UFC458782 UOY458782 UYU458782 VIQ458782 VSM458782 WCI458782 WME458782 WWA458782 S524318 JO524318 TK524318 ADG524318 ANC524318 AWY524318 BGU524318 BQQ524318 CAM524318 CKI524318 CUE524318 DEA524318 DNW524318 DXS524318 EHO524318 ERK524318 FBG524318 FLC524318 FUY524318 GEU524318 GOQ524318 GYM524318 HII524318 HSE524318 ICA524318 ILW524318 IVS524318 JFO524318 JPK524318 JZG524318 KJC524318 KSY524318 LCU524318 LMQ524318 LWM524318 MGI524318 MQE524318 NAA524318 NJW524318 NTS524318 ODO524318 ONK524318 OXG524318 PHC524318 PQY524318 QAU524318 QKQ524318 QUM524318 REI524318 ROE524318 RYA524318 SHW524318 SRS524318 TBO524318 TLK524318 TVG524318 UFC524318 UOY524318 UYU524318 VIQ524318 VSM524318 WCI524318 WME524318 WWA524318 S589854 JO589854 TK589854 ADG589854 ANC589854 AWY589854 BGU589854 BQQ589854 CAM589854 CKI589854 CUE589854 DEA589854 DNW589854 DXS589854 EHO589854 ERK589854 FBG589854 FLC589854 FUY589854 GEU589854 GOQ589854 GYM589854 HII589854 HSE589854 ICA589854 ILW589854 IVS589854 JFO589854 JPK589854 JZG589854 KJC589854 KSY589854 LCU589854 LMQ589854 LWM589854 MGI589854 MQE589854 NAA589854 NJW589854 NTS589854 ODO589854 ONK589854 OXG589854 PHC589854 PQY589854 QAU589854 QKQ589854 QUM589854 REI589854 ROE589854 RYA589854 SHW589854 SRS589854 TBO589854 TLK589854 TVG589854 UFC589854 UOY589854 UYU589854 VIQ589854 VSM589854 WCI589854 WME589854 WWA589854 S655390 JO655390 TK655390 ADG655390 ANC655390 AWY655390 BGU655390 BQQ655390 CAM655390 CKI655390 CUE655390 DEA655390 DNW655390 DXS655390 EHO655390 ERK655390 FBG655390 FLC655390 FUY655390 GEU655390 GOQ655390 GYM655390 HII655390 HSE655390 ICA655390 ILW655390 IVS655390 JFO655390 JPK655390 JZG655390 KJC655390 KSY655390 LCU655390 LMQ655390 LWM655390 MGI655390 MQE655390 NAA655390 NJW655390 NTS655390 ODO655390 ONK655390 OXG655390 PHC655390 PQY655390 QAU655390 QKQ655390 QUM655390 REI655390 ROE655390 RYA655390 SHW655390 SRS655390 TBO655390 TLK655390 TVG655390 UFC655390 UOY655390 UYU655390 VIQ655390 VSM655390 WCI655390 WME655390 WWA655390 S720926 JO720926 TK720926 ADG720926 ANC720926 AWY720926 BGU720926 BQQ720926 CAM720926 CKI720926 CUE720926 DEA720926 DNW720926 DXS720926 EHO720926 ERK720926 FBG720926 FLC720926 FUY720926 GEU720926 GOQ720926 GYM720926 HII720926 HSE720926 ICA720926 ILW720926 IVS720926 JFO720926 JPK720926 JZG720926 KJC720926 KSY720926 LCU720926 LMQ720926 LWM720926 MGI720926 MQE720926 NAA720926 NJW720926 NTS720926 ODO720926 ONK720926 OXG720926 PHC720926 PQY720926 QAU720926 QKQ720926 QUM720926 REI720926 ROE720926 RYA720926 SHW720926 SRS720926 TBO720926 TLK720926 TVG720926 UFC720926 UOY720926 UYU720926 VIQ720926 VSM720926 WCI720926 WME720926 WWA720926 S786462 JO786462 TK786462 ADG786462 ANC786462 AWY786462 BGU786462 BQQ786462 CAM786462 CKI786462 CUE786462 DEA786462 DNW786462 DXS786462 EHO786462 ERK786462 FBG786462 FLC786462 FUY786462 GEU786462 GOQ786462 GYM786462 HII786462 HSE786462 ICA786462 ILW786462 IVS786462 JFO786462 JPK786462 JZG786462 KJC786462 KSY786462 LCU786462 LMQ786462 LWM786462 MGI786462 MQE786462 NAA786462 NJW786462 NTS786462 ODO786462 ONK786462 OXG786462 PHC786462 PQY786462 QAU786462 QKQ786462 QUM786462 REI786462 ROE786462 RYA786462 SHW786462 SRS786462 TBO786462 TLK786462 TVG786462 UFC786462 UOY786462 UYU786462 VIQ786462 VSM786462 WCI786462 WME786462 WWA786462 S851998 JO851998 TK851998 ADG851998 ANC851998 AWY851998 BGU851998 BQQ851998 CAM851998 CKI851998 CUE851998 DEA851998 DNW851998 DXS851998 EHO851998 ERK851998 FBG851998 FLC851998 FUY851998 GEU851998 GOQ851998 GYM851998 HII851998 HSE851998 ICA851998 ILW851998 IVS851998 JFO851998 JPK851998 JZG851998 KJC851998 KSY851998 LCU851998 LMQ851998 LWM851998 MGI851998 MQE851998 NAA851998 NJW851998 NTS851998 ODO851998 ONK851998 OXG851998 PHC851998 PQY851998 QAU851998 QKQ851998 QUM851998 REI851998 ROE851998 RYA851998 SHW851998 SRS851998 TBO851998 TLK851998 TVG851998 UFC851998 UOY851998 UYU851998 VIQ851998 VSM851998 WCI851998 WME851998 WWA851998 S917534 JO917534 TK917534 ADG917534 ANC917534 AWY917534 BGU917534 BQQ917534 CAM917534 CKI917534 CUE917534 DEA917534 DNW917534 DXS917534 EHO917534 ERK917534 FBG917534 FLC917534 FUY917534 GEU917534 GOQ917534 GYM917534 HII917534 HSE917534 ICA917534 ILW917534 IVS917534 JFO917534 JPK917534 JZG917534 KJC917534 KSY917534 LCU917534 LMQ917534 LWM917534 MGI917534 MQE917534 NAA917534 NJW917534 NTS917534 ODO917534 ONK917534 OXG917534 PHC917534 PQY917534 QAU917534 QKQ917534 QUM917534 REI917534 ROE917534 RYA917534 SHW917534 SRS917534 TBO917534 TLK917534 TVG917534 UFC917534 UOY917534 UYU917534 VIQ917534 VSM917534 WCI917534 WME917534 WWA917534 S983070 JO983070 TK983070 ADG983070 ANC983070 AWY983070 BGU983070 BQQ983070 CAM983070 CKI983070 CUE983070 DEA983070 DNW983070 DXS983070 EHO983070 ERK983070 FBG983070 FLC983070 FUY983070 GEU983070 GOQ983070 GYM983070 HII983070 HSE983070 ICA983070 ILW983070 IVS983070 JFO983070 JPK983070 JZG983070 KJC983070 KSY983070 LCU983070 LMQ983070 LWM983070 MGI983070 MQE983070 NAA983070 NJW983070 NTS983070 ODO983070 ONK983070 OXG983070 PHC983070 PQY983070 QAU983070 QKQ983070 QUM983070 REI983070 ROE983070 RYA983070 SHW983070 SRS983070 TBO983070 TLK983070 TVG983070 UFC983070 UOY983070 UYU983070 VIQ983070 VSM983070 WCI983070 WME983070 WWA983070 AE30 KA30 TW30 ADS30 ANO30 AXK30 BHG30 BRC30 CAY30 CKU30 CUQ30 DEM30 DOI30 DYE30 EIA30 ERW30 FBS30 FLO30 FVK30 GFG30 GPC30 GYY30 HIU30 HSQ30 ICM30 IMI30 IWE30 JGA30 JPW30 JZS30 KJO30 KTK30 LDG30 LNC30 LWY30 MGU30 MQQ30 NAM30 NKI30 NUE30 OEA30 ONW30 OXS30 PHO30 PRK30 QBG30 QLC30 QUY30 REU30 ROQ30 RYM30 SII30 SSE30 TCA30 TLW30 TVS30 UFO30 UPK30 UZG30 VJC30 VSY30 WCU30 WMQ30 WWM30 AE65566 KA65566 TW65566 ADS65566 ANO65566 AXK65566 BHG65566 BRC65566 CAY65566 CKU65566 CUQ65566 DEM65566 DOI65566 DYE65566 EIA65566 ERW65566 FBS65566 FLO65566 FVK65566 GFG65566 GPC65566 GYY65566 HIU65566 HSQ65566 ICM65566 IMI65566 IWE65566 JGA65566 JPW65566 JZS65566 KJO65566 KTK65566 LDG65566 LNC65566 LWY65566 MGU65566 MQQ65566 NAM65566 NKI65566 NUE65566 OEA65566 ONW65566 OXS65566 PHO65566 PRK65566 QBG65566 QLC65566 QUY65566 REU65566 ROQ65566 RYM65566 SII65566 SSE65566 TCA65566 TLW65566 TVS65566 UFO65566 UPK65566 UZG65566 VJC65566 VSY65566 WCU65566 WMQ65566 WWM65566 AE131102 KA131102 TW131102 ADS131102 ANO131102 AXK131102 BHG131102 BRC131102 CAY131102 CKU131102 CUQ131102 DEM131102 DOI131102 DYE131102 EIA131102 ERW131102 FBS131102 FLO131102 FVK131102 GFG131102 GPC131102 GYY131102 HIU131102 HSQ131102 ICM131102 IMI131102 IWE131102 JGA131102 JPW131102 JZS131102 KJO131102 KTK131102 LDG131102 LNC131102 LWY131102 MGU131102 MQQ131102 NAM131102 NKI131102 NUE131102 OEA131102 ONW131102 OXS131102 PHO131102 PRK131102 QBG131102 QLC131102 QUY131102 REU131102 ROQ131102 RYM131102 SII131102 SSE131102 TCA131102 TLW131102 TVS131102 UFO131102 UPK131102 UZG131102 VJC131102 VSY131102 WCU131102 WMQ131102 WWM131102 AE196638 KA196638 TW196638 ADS196638 ANO196638 AXK196638 BHG196638 BRC196638 CAY196638 CKU196638 CUQ196638 DEM196638 DOI196638 DYE196638 EIA196638 ERW196638 FBS196638 FLO196638 FVK196638 GFG196638 GPC196638 GYY196638 HIU196638 HSQ196638 ICM196638 IMI196638 IWE196638 JGA196638 JPW196638 JZS196638 KJO196638 KTK196638 LDG196638 LNC196638 LWY196638 MGU196638 MQQ196638 NAM196638 NKI196638 NUE196638 OEA196638 ONW196638 OXS196638 PHO196638 PRK196638 QBG196638 QLC196638 QUY196638 REU196638 ROQ196638 RYM196638 SII196638 SSE196638 TCA196638 TLW196638 TVS196638 UFO196638 UPK196638 UZG196638 VJC196638 VSY196638 WCU196638 WMQ196638 WWM196638 AE262174 KA262174 TW262174 ADS262174 ANO262174 AXK262174 BHG262174 BRC262174 CAY262174 CKU262174 CUQ262174 DEM262174 DOI262174 DYE262174 EIA262174 ERW262174 FBS262174 FLO262174 FVK262174 GFG262174 GPC262174 GYY262174 HIU262174 HSQ262174 ICM262174 IMI262174 IWE262174 JGA262174 JPW262174 JZS262174 KJO262174 KTK262174 LDG262174 LNC262174 LWY262174 MGU262174 MQQ262174 NAM262174 NKI262174 NUE262174 OEA262174 ONW262174 OXS262174 PHO262174 PRK262174 QBG262174 QLC262174 QUY262174 REU262174 ROQ262174 RYM262174 SII262174 SSE262174 TCA262174 TLW262174 TVS262174 UFO262174 UPK262174 UZG262174 VJC262174 VSY262174 WCU262174 WMQ262174 WWM262174 AE327710 KA327710 TW327710 ADS327710 ANO327710 AXK327710 BHG327710 BRC327710 CAY327710 CKU327710 CUQ327710 DEM327710 DOI327710 DYE327710 EIA327710 ERW327710 FBS327710 FLO327710 FVK327710 GFG327710 GPC327710 GYY327710 HIU327710 HSQ327710 ICM327710 IMI327710 IWE327710 JGA327710 JPW327710 JZS327710 KJO327710 KTK327710 LDG327710 LNC327710 LWY327710 MGU327710 MQQ327710 NAM327710 NKI327710 NUE327710 OEA327710 ONW327710 OXS327710 PHO327710 PRK327710 QBG327710 QLC327710 QUY327710 REU327710 ROQ327710 RYM327710 SII327710 SSE327710 TCA327710 TLW327710 TVS327710 UFO327710 UPK327710 UZG327710 VJC327710 VSY327710 WCU327710 WMQ327710 WWM327710 AE393246 KA393246 TW393246 ADS393246 ANO393246 AXK393246 BHG393246 BRC393246 CAY393246 CKU393246 CUQ393246 DEM393246 DOI393246 DYE393246 EIA393246 ERW393246 FBS393246 FLO393246 FVK393246 GFG393246 GPC393246 GYY393246 HIU393246 HSQ393246 ICM393246 IMI393246 IWE393246 JGA393246 JPW393246 JZS393246 KJO393246 KTK393246 LDG393246 LNC393246 LWY393246 MGU393246 MQQ393246 NAM393246 NKI393246 NUE393246 OEA393246 ONW393246 OXS393246 PHO393246 PRK393246 QBG393246 QLC393246 QUY393246 REU393246 ROQ393246 RYM393246 SII393246 SSE393246 TCA393246 TLW393246 TVS393246 UFO393246 UPK393246 UZG393246 VJC393246 VSY393246 WCU393246 WMQ393246 WWM393246 AE458782 KA458782 TW458782 ADS458782 ANO458782 AXK458782 BHG458782 BRC458782 CAY458782 CKU458782 CUQ458782 DEM458782 DOI458782 DYE458782 EIA458782 ERW458782 FBS458782 FLO458782 FVK458782 GFG458782 GPC458782 GYY458782 HIU458782 HSQ458782 ICM458782 IMI458782 IWE458782 JGA458782 JPW458782 JZS458782 KJO458782 KTK458782 LDG458782 LNC458782 LWY458782 MGU458782 MQQ458782 NAM458782 NKI458782 NUE458782 OEA458782 ONW458782 OXS458782 PHO458782 PRK458782 QBG458782 QLC458782 QUY458782 REU458782 ROQ458782 RYM458782 SII458782 SSE458782 TCA458782 TLW458782 TVS458782 UFO458782 UPK458782 UZG458782 VJC458782 VSY458782 WCU458782 WMQ458782 WWM458782 AE524318 KA524318 TW524318 ADS524318 ANO524318 AXK524318 BHG524318 BRC524318 CAY524318 CKU524318 CUQ524318 DEM524318 DOI524318 DYE524318 EIA524318 ERW524318 FBS524318 FLO524318 FVK524318 GFG524318 GPC524318 GYY524318 HIU524318 HSQ524318 ICM524318 IMI524318 IWE524318 JGA524318 JPW524318 JZS524318 KJO524318 KTK524318 LDG524318 LNC524318 LWY524318 MGU524318 MQQ524318 NAM524318 NKI524318 NUE524318 OEA524318 ONW524318 OXS524318 PHO524318 PRK524318 QBG524318 QLC524318 QUY524318 REU524318 ROQ524318 RYM524318 SII524318 SSE524318 TCA524318 TLW524318 TVS524318 UFO524318 UPK524318 UZG524318 VJC524318 VSY524318 WCU524318 WMQ524318 WWM524318 AE589854 KA589854 TW589854 ADS589854 ANO589854 AXK589854 BHG589854 BRC589854 CAY589854 CKU589854 CUQ589854 DEM589854 DOI589854 DYE589854 EIA589854 ERW589854 FBS589854 FLO589854 FVK589854 GFG589854 GPC589854 GYY589854 HIU589854 HSQ589854 ICM589854 IMI589854 IWE589854 JGA589854 JPW589854 JZS589854 KJO589854 KTK589854 LDG589854 LNC589854 LWY589854 MGU589854 MQQ589854 NAM589854 NKI589854 NUE589854 OEA589854 ONW589854 OXS589854 PHO589854 PRK589854 QBG589854 QLC589854 QUY589854 REU589854 ROQ589854 RYM589854 SII589854 SSE589854 TCA589854 TLW589854 TVS589854 UFO589854 UPK589854 UZG589854 VJC589854 VSY589854 WCU589854 WMQ589854 WWM589854 AE655390 KA655390 TW655390 ADS655390 ANO655390 AXK655390 BHG655390 BRC655390 CAY655390 CKU655390 CUQ655390 DEM655390 DOI655390 DYE655390 EIA655390 ERW655390 FBS655390 FLO655390 FVK655390 GFG655390 GPC655390 GYY655390 HIU655390 HSQ655390 ICM655390 IMI655390 IWE655390 JGA655390 JPW655390 JZS655390 KJO655390 KTK655390 LDG655390 LNC655390 LWY655390 MGU655390 MQQ655390 NAM655390 NKI655390 NUE655390 OEA655390 ONW655390 OXS655390 PHO655390 PRK655390 QBG655390 QLC655390 QUY655390 REU655390 ROQ655390 RYM655390 SII655390 SSE655390 TCA655390 TLW655390 TVS655390 UFO655390 UPK655390 UZG655390 VJC655390 VSY655390 WCU655390 WMQ655390 WWM655390 AE720926 KA720926 TW720926 ADS720926 ANO720926 AXK720926 BHG720926 BRC720926 CAY720926 CKU720926 CUQ720926 DEM720926 DOI720926 DYE720926 EIA720926 ERW720926 FBS720926 FLO720926 FVK720926 GFG720926 GPC720926 GYY720926 HIU720926 HSQ720926 ICM720926 IMI720926 IWE720926 JGA720926 JPW720926 JZS720926 KJO720926 KTK720926 LDG720926 LNC720926 LWY720926 MGU720926 MQQ720926 NAM720926 NKI720926 NUE720926 OEA720926 ONW720926 OXS720926 PHO720926 PRK720926 QBG720926 QLC720926 QUY720926 REU720926 ROQ720926 RYM720926 SII720926 SSE720926 TCA720926 TLW720926 TVS720926 UFO720926 UPK720926 UZG720926 VJC720926 VSY720926 WCU720926 WMQ720926 WWM720926 AE786462 KA786462 TW786462 ADS786462 ANO786462 AXK786462 BHG786462 BRC786462 CAY786462 CKU786462 CUQ786462 DEM786462 DOI786462 DYE786462 EIA786462 ERW786462 FBS786462 FLO786462 FVK786462 GFG786462 GPC786462 GYY786462 HIU786462 HSQ786462 ICM786462 IMI786462 IWE786462 JGA786462 JPW786462 JZS786462 KJO786462 KTK786462 LDG786462 LNC786462 LWY786462 MGU786462 MQQ786462 NAM786462 NKI786462 NUE786462 OEA786462 ONW786462 OXS786462 PHO786462 PRK786462 QBG786462 QLC786462 QUY786462 REU786462 ROQ786462 RYM786462 SII786462 SSE786462 TCA786462 TLW786462 TVS786462 UFO786462 UPK786462 UZG786462 VJC786462 VSY786462 WCU786462 WMQ786462 WWM786462 AE851998 KA851998 TW851998 ADS851998 ANO851998 AXK851998 BHG851998 BRC851998 CAY851998 CKU851998 CUQ851998 DEM851998 DOI851998 DYE851998 EIA851998 ERW851998 FBS851998 FLO851998 FVK851998 GFG851998 GPC851998 GYY851998 HIU851998 HSQ851998 ICM851998 IMI851998 IWE851998 JGA851998 JPW851998 JZS851998 KJO851998 KTK851998 LDG851998 LNC851998 LWY851998 MGU851998 MQQ851998 NAM851998 NKI851998 NUE851998 OEA851998 ONW851998 OXS851998 PHO851998 PRK851998 QBG851998 QLC851998 QUY851998 REU851998 ROQ851998 RYM851998 SII851998 SSE851998 TCA851998 TLW851998 TVS851998 UFO851998 UPK851998 UZG851998 VJC851998 VSY851998 WCU851998 WMQ851998 WWM851998 AE917534 KA917534 TW917534 ADS917534 ANO917534 AXK917534 BHG917534 BRC917534 CAY917534 CKU917534 CUQ917534 DEM917534 DOI917534 DYE917534 EIA917534 ERW917534 FBS917534 FLO917534 FVK917534 GFG917534 GPC917534 GYY917534 HIU917534 HSQ917534 ICM917534 IMI917534 IWE917534 JGA917534 JPW917534 JZS917534 KJO917534 KTK917534 LDG917534 LNC917534 LWY917534 MGU917534 MQQ917534 NAM917534 NKI917534 NUE917534 OEA917534 ONW917534 OXS917534 PHO917534 PRK917534 QBG917534 QLC917534 QUY917534 REU917534 ROQ917534 RYM917534 SII917534 SSE917534 TCA917534 TLW917534 TVS917534 UFO917534 UPK917534 UZG917534 VJC917534 VSY917534 WCU917534 WMQ917534 WWM917534 AE983070 KA983070 TW983070 ADS983070 ANO983070 AXK983070 BHG983070 BRC983070 CAY983070 CKU983070 CUQ983070 DEM983070 DOI983070 DYE983070 EIA983070 ERW983070 FBS983070 FLO983070 FVK983070 GFG983070 GPC983070 GYY983070 HIU983070 HSQ983070 ICM983070 IMI983070 IWE983070 JGA983070 JPW983070 JZS983070 KJO983070 KTK983070 LDG983070 LNC983070 LWY983070 MGU983070 MQQ983070 NAM983070 NKI983070 NUE983070 OEA983070 ONW983070 OXS983070 PHO983070 PRK983070 QBG983070 QLC983070 QUY983070 REU983070 ROQ983070 RYM983070 SII983070 SSE983070 TCA983070 TLW983070 TVS983070 UFO983070 UPK983070 UZG983070 VJC983070 VSY983070 WCU983070 WMQ983070 WWM983070 BC30:BC34 KY30:KY34 UU30:UU34 AEQ30:AEQ34 AOM30:AOM34 AYI30:AYI34 BIE30:BIE34 BSA30:BSA34 CBW30:CBW34 CLS30:CLS34 CVO30:CVO34 DFK30:DFK34 DPG30:DPG34 DZC30:DZC34 EIY30:EIY34 ESU30:ESU34 FCQ30:FCQ34 FMM30:FMM34 FWI30:FWI34 GGE30:GGE34 GQA30:GQA34 GZW30:GZW34 HJS30:HJS34 HTO30:HTO34 IDK30:IDK34 ING30:ING34 IXC30:IXC34 JGY30:JGY34 JQU30:JQU34 KAQ30:KAQ34 KKM30:KKM34 KUI30:KUI34 LEE30:LEE34 LOA30:LOA34 LXW30:LXW34 MHS30:MHS34 MRO30:MRO34 NBK30:NBK34 NLG30:NLG34 NVC30:NVC34 OEY30:OEY34 OOU30:OOU34 OYQ30:OYQ34 PIM30:PIM34 PSI30:PSI34 QCE30:QCE34 QMA30:QMA34 QVW30:QVW34 RFS30:RFS34 RPO30:RPO34 RZK30:RZK34 SJG30:SJG34 STC30:STC34 TCY30:TCY34 TMU30:TMU34 TWQ30:TWQ34 UGM30:UGM34 UQI30:UQI34 VAE30:VAE34 VKA30:VKA34 VTW30:VTW34 WDS30:WDS34 WNO30:WNO34 WXK30:WXK34 BC65566:BC65570 KY65566:KY65570 UU65566:UU65570 AEQ65566:AEQ65570 AOM65566:AOM65570 AYI65566:AYI65570 BIE65566:BIE65570 BSA65566:BSA65570 CBW65566:CBW65570 CLS65566:CLS65570 CVO65566:CVO65570 DFK65566:DFK65570 DPG65566:DPG65570 DZC65566:DZC65570 EIY65566:EIY65570 ESU65566:ESU65570 FCQ65566:FCQ65570 FMM65566:FMM65570 FWI65566:FWI65570 GGE65566:GGE65570 GQA65566:GQA65570 GZW65566:GZW65570 HJS65566:HJS65570 HTO65566:HTO65570 IDK65566:IDK65570 ING65566:ING65570 IXC65566:IXC65570 JGY65566:JGY65570 JQU65566:JQU65570 KAQ65566:KAQ65570 KKM65566:KKM65570 KUI65566:KUI65570 LEE65566:LEE65570 LOA65566:LOA65570 LXW65566:LXW65570 MHS65566:MHS65570 MRO65566:MRO65570 NBK65566:NBK65570 NLG65566:NLG65570 NVC65566:NVC65570 OEY65566:OEY65570 OOU65566:OOU65570 OYQ65566:OYQ65570 PIM65566:PIM65570 PSI65566:PSI65570 QCE65566:QCE65570 QMA65566:QMA65570 QVW65566:QVW65570 RFS65566:RFS65570 RPO65566:RPO65570 RZK65566:RZK65570 SJG65566:SJG65570 STC65566:STC65570 TCY65566:TCY65570 TMU65566:TMU65570 TWQ65566:TWQ65570 UGM65566:UGM65570 UQI65566:UQI65570 VAE65566:VAE65570 VKA65566:VKA65570 VTW65566:VTW65570 WDS65566:WDS65570 WNO65566:WNO65570 WXK65566:WXK65570 BC131102:BC131106 KY131102:KY131106 UU131102:UU131106 AEQ131102:AEQ131106 AOM131102:AOM131106 AYI131102:AYI131106 BIE131102:BIE131106 BSA131102:BSA131106 CBW131102:CBW131106 CLS131102:CLS131106 CVO131102:CVO131106 DFK131102:DFK131106 DPG131102:DPG131106 DZC131102:DZC131106 EIY131102:EIY131106 ESU131102:ESU131106 FCQ131102:FCQ131106 FMM131102:FMM131106 FWI131102:FWI131106 GGE131102:GGE131106 GQA131102:GQA131106 GZW131102:GZW131106 HJS131102:HJS131106 HTO131102:HTO131106 IDK131102:IDK131106 ING131102:ING131106 IXC131102:IXC131106 JGY131102:JGY131106 JQU131102:JQU131106 KAQ131102:KAQ131106 KKM131102:KKM131106 KUI131102:KUI131106 LEE131102:LEE131106 LOA131102:LOA131106 LXW131102:LXW131106 MHS131102:MHS131106 MRO131102:MRO131106 NBK131102:NBK131106 NLG131102:NLG131106 NVC131102:NVC131106 OEY131102:OEY131106 OOU131102:OOU131106 OYQ131102:OYQ131106 PIM131102:PIM131106 PSI131102:PSI131106 QCE131102:QCE131106 QMA131102:QMA131106 QVW131102:QVW131106 RFS131102:RFS131106 RPO131102:RPO131106 RZK131102:RZK131106 SJG131102:SJG131106 STC131102:STC131106 TCY131102:TCY131106 TMU131102:TMU131106 TWQ131102:TWQ131106 UGM131102:UGM131106 UQI131102:UQI131106 VAE131102:VAE131106 VKA131102:VKA131106 VTW131102:VTW131106 WDS131102:WDS131106 WNO131102:WNO131106 WXK131102:WXK131106 BC196638:BC196642 KY196638:KY196642 UU196638:UU196642 AEQ196638:AEQ196642 AOM196638:AOM196642 AYI196638:AYI196642 BIE196638:BIE196642 BSA196638:BSA196642 CBW196638:CBW196642 CLS196638:CLS196642 CVO196638:CVO196642 DFK196638:DFK196642 DPG196638:DPG196642 DZC196638:DZC196642 EIY196638:EIY196642 ESU196638:ESU196642 FCQ196638:FCQ196642 FMM196638:FMM196642 FWI196638:FWI196642 GGE196638:GGE196642 GQA196638:GQA196642 GZW196638:GZW196642 HJS196638:HJS196642 HTO196638:HTO196642 IDK196638:IDK196642 ING196638:ING196642 IXC196638:IXC196642 JGY196638:JGY196642 JQU196638:JQU196642 KAQ196638:KAQ196642 KKM196638:KKM196642 KUI196638:KUI196642 LEE196638:LEE196642 LOA196638:LOA196642 LXW196638:LXW196642 MHS196638:MHS196642 MRO196638:MRO196642 NBK196638:NBK196642 NLG196638:NLG196642 NVC196638:NVC196642 OEY196638:OEY196642 OOU196638:OOU196642 OYQ196638:OYQ196642 PIM196638:PIM196642 PSI196638:PSI196642 QCE196638:QCE196642 QMA196638:QMA196642 QVW196638:QVW196642 RFS196638:RFS196642 RPO196638:RPO196642 RZK196638:RZK196642 SJG196638:SJG196642 STC196638:STC196642 TCY196638:TCY196642 TMU196638:TMU196642 TWQ196638:TWQ196642 UGM196638:UGM196642 UQI196638:UQI196642 VAE196638:VAE196642 VKA196638:VKA196642 VTW196638:VTW196642 WDS196638:WDS196642 WNO196638:WNO196642 WXK196638:WXK196642 BC262174:BC262178 KY262174:KY262178 UU262174:UU262178 AEQ262174:AEQ262178 AOM262174:AOM262178 AYI262174:AYI262178 BIE262174:BIE262178 BSA262174:BSA262178 CBW262174:CBW262178 CLS262174:CLS262178 CVO262174:CVO262178 DFK262174:DFK262178 DPG262174:DPG262178 DZC262174:DZC262178 EIY262174:EIY262178 ESU262174:ESU262178 FCQ262174:FCQ262178 FMM262174:FMM262178 FWI262174:FWI262178 GGE262174:GGE262178 GQA262174:GQA262178 GZW262174:GZW262178 HJS262174:HJS262178 HTO262174:HTO262178 IDK262174:IDK262178 ING262174:ING262178 IXC262174:IXC262178 JGY262174:JGY262178 JQU262174:JQU262178 KAQ262174:KAQ262178 KKM262174:KKM262178 KUI262174:KUI262178 LEE262174:LEE262178 LOA262174:LOA262178 LXW262174:LXW262178 MHS262174:MHS262178 MRO262174:MRO262178 NBK262174:NBK262178 NLG262174:NLG262178 NVC262174:NVC262178 OEY262174:OEY262178 OOU262174:OOU262178 OYQ262174:OYQ262178 PIM262174:PIM262178 PSI262174:PSI262178 QCE262174:QCE262178 QMA262174:QMA262178 QVW262174:QVW262178 RFS262174:RFS262178 RPO262174:RPO262178 RZK262174:RZK262178 SJG262174:SJG262178 STC262174:STC262178 TCY262174:TCY262178 TMU262174:TMU262178 TWQ262174:TWQ262178 UGM262174:UGM262178 UQI262174:UQI262178 VAE262174:VAE262178 VKA262174:VKA262178 VTW262174:VTW262178 WDS262174:WDS262178 WNO262174:WNO262178 WXK262174:WXK262178 BC327710:BC327714 KY327710:KY327714 UU327710:UU327714 AEQ327710:AEQ327714 AOM327710:AOM327714 AYI327710:AYI327714 BIE327710:BIE327714 BSA327710:BSA327714 CBW327710:CBW327714 CLS327710:CLS327714 CVO327710:CVO327714 DFK327710:DFK327714 DPG327710:DPG327714 DZC327710:DZC327714 EIY327710:EIY327714 ESU327710:ESU327714 FCQ327710:FCQ327714 FMM327710:FMM327714 FWI327710:FWI327714 GGE327710:GGE327714 GQA327710:GQA327714 GZW327710:GZW327714 HJS327710:HJS327714 HTO327710:HTO327714 IDK327710:IDK327714 ING327710:ING327714 IXC327710:IXC327714 JGY327710:JGY327714 JQU327710:JQU327714 KAQ327710:KAQ327714 KKM327710:KKM327714 KUI327710:KUI327714 LEE327710:LEE327714 LOA327710:LOA327714 LXW327710:LXW327714 MHS327710:MHS327714 MRO327710:MRO327714 NBK327710:NBK327714 NLG327710:NLG327714 NVC327710:NVC327714 OEY327710:OEY327714 OOU327710:OOU327714 OYQ327710:OYQ327714 PIM327710:PIM327714 PSI327710:PSI327714 QCE327710:QCE327714 QMA327710:QMA327714 QVW327710:QVW327714 RFS327710:RFS327714 RPO327710:RPO327714 RZK327710:RZK327714 SJG327710:SJG327714 STC327710:STC327714 TCY327710:TCY327714 TMU327710:TMU327714 TWQ327710:TWQ327714 UGM327710:UGM327714 UQI327710:UQI327714 VAE327710:VAE327714 VKA327710:VKA327714 VTW327710:VTW327714 WDS327710:WDS327714 WNO327710:WNO327714 WXK327710:WXK327714 BC393246:BC393250 KY393246:KY393250 UU393246:UU393250 AEQ393246:AEQ393250 AOM393246:AOM393250 AYI393246:AYI393250 BIE393246:BIE393250 BSA393246:BSA393250 CBW393246:CBW393250 CLS393246:CLS393250 CVO393246:CVO393250 DFK393246:DFK393250 DPG393246:DPG393250 DZC393246:DZC393250 EIY393246:EIY393250 ESU393246:ESU393250 FCQ393246:FCQ393250 FMM393246:FMM393250 FWI393246:FWI393250 GGE393246:GGE393250 GQA393246:GQA393250 GZW393246:GZW393250 HJS393246:HJS393250 HTO393246:HTO393250 IDK393246:IDK393250 ING393246:ING393250 IXC393246:IXC393250 JGY393246:JGY393250 JQU393246:JQU393250 KAQ393246:KAQ393250 KKM393246:KKM393250 KUI393246:KUI393250 LEE393246:LEE393250 LOA393246:LOA393250 LXW393246:LXW393250 MHS393246:MHS393250 MRO393246:MRO393250 NBK393246:NBK393250 NLG393246:NLG393250 NVC393246:NVC393250 OEY393246:OEY393250 OOU393246:OOU393250 OYQ393246:OYQ393250 PIM393246:PIM393250 PSI393246:PSI393250 QCE393246:QCE393250 QMA393246:QMA393250 QVW393246:QVW393250 RFS393246:RFS393250 RPO393246:RPO393250 RZK393246:RZK393250 SJG393246:SJG393250 STC393246:STC393250 TCY393246:TCY393250 TMU393246:TMU393250 TWQ393246:TWQ393250 UGM393246:UGM393250 UQI393246:UQI393250 VAE393246:VAE393250 VKA393246:VKA393250 VTW393246:VTW393250 WDS393246:WDS393250 WNO393246:WNO393250 WXK393246:WXK393250 BC458782:BC458786 KY458782:KY458786 UU458782:UU458786 AEQ458782:AEQ458786 AOM458782:AOM458786 AYI458782:AYI458786 BIE458782:BIE458786 BSA458782:BSA458786 CBW458782:CBW458786 CLS458782:CLS458786 CVO458782:CVO458786 DFK458782:DFK458786 DPG458782:DPG458786 DZC458782:DZC458786 EIY458782:EIY458786 ESU458782:ESU458786 FCQ458782:FCQ458786 FMM458782:FMM458786 FWI458782:FWI458786 GGE458782:GGE458786 GQA458782:GQA458786 GZW458782:GZW458786 HJS458782:HJS458786 HTO458782:HTO458786 IDK458782:IDK458786 ING458782:ING458786 IXC458782:IXC458786 JGY458782:JGY458786 JQU458782:JQU458786 KAQ458782:KAQ458786 KKM458782:KKM458786 KUI458782:KUI458786 LEE458782:LEE458786 LOA458782:LOA458786 LXW458782:LXW458786 MHS458782:MHS458786 MRO458782:MRO458786 NBK458782:NBK458786 NLG458782:NLG458786 NVC458782:NVC458786 OEY458782:OEY458786 OOU458782:OOU458786 OYQ458782:OYQ458786 PIM458782:PIM458786 PSI458782:PSI458786 QCE458782:QCE458786 QMA458782:QMA458786 QVW458782:QVW458786 RFS458782:RFS458786 RPO458782:RPO458786 RZK458782:RZK458786 SJG458782:SJG458786 STC458782:STC458786 TCY458782:TCY458786 TMU458782:TMU458786 TWQ458782:TWQ458786 UGM458782:UGM458786 UQI458782:UQI458786 VAE458782:VAE458786 VKA458782:VKA458786 VTW458782:VTW458786 WDS458782:WDS458786 WNO458782:WNO458786 WXK458782:WXK458786 BC524318:BC524322 KY524318:KY524322 UU524318:UU524322 AEQ524318:AEQ524322 AOM524318:AOM524322 AYI524318:AYI524322 BIE524318:BIE524322 BSA524318:BSA524322 CBW524318:CBW524322 CLS524318:CLS524322 CVO524318:CVO524322 DFK524318:DFK524322 DPG524318:DPG524322 DZC524318:DZC524322 EIY524318:EIY524322 ESU524318:ESU524322 FCQ524318:FCQ524322 FMM524318:FMM524322 FWI524318:FWI524322 GGE524318:GGE524322 GQA524318:GQA524322 GZW524318:GZW524322 HJS524318:HJS524322 HTO524318:HTO524322 IDK524318:IDK524322 ING524318:ING524322 IXC524318:IXC524322 JGY524318:JGY524322 JQU524318:JQU524322 KAQ524318:KAQ524322 KKM524318:KKM524322 KUI524318:KUI524322 LEE524318:LEE524322 LOA524318:LOA524322 LXW524318:LXW524322 MHS524318:MHS524322 MRO524318:MRO524322 NBK524318:NBK524322 NLG524318:NLG524322 NVC524318:NVC524322 OEY524318:OEY524322 OOU524318:OOU524322 OYQ524318:OYQ524322 PIM524318:PIM524322 PSI524318:PSI524322 QCE524318:QCE524322 QMA524318:QMA524322 QVW524318:QVW524322 RFS524318:RFS524322 RPO524318:RPO524322 RZK524318:RZK524322 SJG524318:SJG524322 STC524318:STC524322 TCY524318:TCY524322 TMU524318:TMU524322 TWQ524318:TWQ524322 UGM524318:UGM524322 UQI524318:UQI524322 VAE524318:VAE524322 VKA524318:VKA524322 VTW524318:VTW524322 WDS524318:WDS524322 WNO524318:WNO524322 WXK524318:WXK524322 BC589854:BC589858 KY589854:KY589858 UU589854:UU589858 AEQ589854:AEQ589858 AOM589854:AOM589858 AYI589854:AYI589858 BIE589854:BIE589858 BSA589854:BSA589858 CBW589854:CBW589858 CLS589854:CLS589858 CVO589854:CVO589858 DFK589854:DFK589858 DPG589854:DPG589858 DZC589854:DZC589858 EIY589854:EIY589858 ESU589854:ESU589858 FCQ589854:FCQ589858 FMM589854:FMM589858 FWI589854:FWI589858 GGE589854:GGE589858 GQA589854:GQA589858 GZW589854:GZW589858 HJS589854:HJS589858 HTO589854:HTO589858 IDK589854:IDK589858 ING589854:ING589858 IXC589854:IXC589858 JGY589854:JGY589858 JQU589854:JQU589858 KAQ589854:KAQ589858 KKM589854:KKM589858 KUI589854:KUI589858 LEE589854:LEE589858 LOA589854:LOA589858 LXW589854:LXW589858 MHS589854:MHS589858 MRO589854:MRO589858 NBK589854:NBK589858 NLG589854:NLG589858 NVC589854:NVC589858 OEY589854:OEY589858 OOU589854:OOU589858 OYQ589854:OYQ589858 PIM589854:PIM589858 PSI589854:PSI589858 QCE589854:QCE589858 QMA589854:QMA589858 QVW589854:QVW589858 RFS589854:RFS589858 RPO589854:RPO589858 RZK589854:RZK589858 SJG589854:SJG589858 STC589854:STC589858 TCY589854:TCY589858 TMU589854:TMU589858 TWQ589854:TWQ589858 UGM589854:UGM589858 UQI589854:UQI589858 VAE589854:VAE589858 VKA589854:VKA589858 VTW589854:VTW589858 WDS589854:WDS589858 WNO589854:WNO589858 WXK589854:WXK589858 BC655390:BC655394 KY655390:KY655394 UU655390:UU655394 AEQ655390:AEQ655394 AOM655390:AOM655394 AYI655390:AYI655394 BIE655390:BIE655394 BSA655390:BSA655394 CBW655390:CBW655394 CLS655390:CLS655394 CVO655390:CVO655394 DFK655390:DFK655394 DPG655390:DPG655394 DZC655390:DZC655394 EIY655390:EIY655394 ESU655390:ESU655394 FCQ655390:FCQ655394 FMM655390:FMM655394 FWI655390:FWI655394 GGE655390:GGE655394 GQA655390:GQA655394 GZW655390:GZW655394 HJS655390:HJS655394 HTO655390:HTO655394 IDK655390:IDK655394 ING655390:ING655394 IXC655390:IXC655394 JGY655390:JGY655394 JQU655390:JQU655394 KAQ655390:KAQ655394 KKM655390:KKM655394 KUI655390:KUI655394 LEE655390:LEE655394 LOA655390:LOA655394 LXW655390:LXW655394 MHS655390:MHS655394 MRO655390:MRO655394 NBK655390:NBK655394 NLG655390:NLG655394 NVC655390:NVC655394 OEY655390:OEY655394 OOU655390:OOU655394 OYQ655390:OYQ655394 PIM655390:PIM655394 PSI655390:PSI655394 QCE655390:QCE655394 QMA655390:QMA655394 QVW655390:QVW655394 RFS655390:RFS655394 RPO655390:RPO655394 RZK655390:RZK655394 SJG655390:SJG655394 STC655390:STC655394 TCY655390:TCY655394 TMU655390:TMU655394 TWQ655390:TWQ655394 UGM655390:UGM655394 UQI655390:UQI655394 VAE655390:VAE655394 VKA655390:VKA655394 VTW655390:VTW655394 WDS655390:WDS655394 WNO655390:WNO655394 WXK655390:WXK655394 BC720926:BC720930 KY720926:KY720930 UU720926:UU720930 AEQ720926:AEQ720930 AOM720926:AOM720930 AYI720926:AYI720930 BIE720926:BIE720930 BSA720926:BSA720930 CBW720926:CBW720930 CLS720926:CLS720930 CVO720926:CVO720930 DFK720926:DFK720930 DPG720926:DPG720930 DZC720926:DZC720930 EIY720926:EIY720930 ESU720926:ESU720930 FCQ720926:FCQ720930 FMM720926:FMM720930 FWI720926:FWI720930 GGE720926:GGE720930 GQA720926:GQA720930 GZW720926:GZW720930 HJS720926:HJS720930 HTO720926:HTO720930 IDK720926:IDK720930 ING720926:ING720930 IXC720926:IXC720930 JGY720926:JGY720930 JQU720926:JQU720930 KAQ720926:KAQ720930 KKM720926:KKM720930 KUI720926:KUI720930 LEE720926:LEE720930 LOA720926:LOA720930 LXW720926:LXW720930 MHS720926:MHS720930 MRO720926:MRO720930 NBK720926:NBK720930 NLG720926:NLG720930 NVC720926:NVC720930 OEY720926:OEY720930 OOU720926:OOU720930 OYQ720926:OYQ720930 PIM720926:PIM720930 PSI720926:PSI720930 QCE720926:QCE720930 QMA720926:QMA720930 QVW720926:QVW720930 RFS720926:RFS720930 RPO720926:RPO720930 RZK720926:RZK720930 SJG720926:SJG720930 STC720926:STC720930 TCY720926:TCY720930 TMU720926:TMU720930 TWQ720926:TWQ720930 UGM720926:UGM720930 UQI720926:UQI720930 VAE720926:VAE720930 VKA720926:VKA720930 VTW720926:VTW720930 WDS720926:WDS720930 WNO720926:WNO720930 WXK720926:WXK720930 BC786462:BC786466 KY786462:KY786466 UU786462:UU786466 AEQ786462:AEQ786466 AOM786462:AOM786466 AYI786462:AYI786466 BIE786462:BIE786466 BSA786462:BSA786466 CBW786462:CBW786466 CLS786462:CLS786466 CVO786462:CVO786466 DFK786462:DFK786466 DPG786462:DPG786466 DZC786462:DZC786466 EIY786462:EIY786466 ESU786462:ESU786466 FCQ786462:FCQ786466 FMM786462:FMM786466 FWI786462:FWI786466 GGE786462:GGE786466 GQA786462:GQA786466 GZW786462:GZW786466 HJS786462:HJS786466 HTO786462:HTO786466 IDK786462:IDK786466 ING786462:ING786466 IXC786462:IXC786466 JGY786462:JGY786466 JQU786462:JQU786466 KAQ786462:KAQ786466 KKM786462:KKM786466 KUI786462:KUI786466 LEE786462:LEE786466 LOA786462:LOA786466 LXW786462:LXW786466 MHS786462:MHS786466 MRO786462:MRO786466 NBK786462:NBK786466 NLG786462:NLG786466 NVC786462:NVC786466 OEY786462:OEY786466 OOU786462:OOU786466 OYQ786462:OYQ786466 PIM786462:PIM786466 PSI786462:PSI786466 QCE786462:QCE786466 QMA786462:QMA786466 QVW786462:QVW786466 RFS786462:RFS786466 RPO786462:RPO786466 RZK786462:RZK786466 SJG786462:SJG786466 STC786462:STC786466 TCY786462:TCY786466 TMU786462:TMU786466 TWQ786462:TWQ786466 UGM786462:UGM786466 UQI786462:UQI786466 VAE786462:VAE786466 VKA786462:VKA786466 VTW786462:VTW786466 WDS786462:WDS786466 WNO786462:WNO786466 WXK786462:WXK786466 BC851998:BC852002 KY851998:KY852002 UU851998:UU852002 AEQ851998:AEQ852002 AOM851998:AOM852002 AYI851998:AYI852002 BIE851998:BIE852002 BSA851998:BSA852002 CBW851998:CBW852002 CLS851998:CLS852002 CVO851998:CVO852002 DFK851998:DFK852002 DPG851998:DPG852002 DZC851998:DZC852002 EIY851998:EIY852002 ESU851998:ESU852002 FCQ851998:FCQ852002 FMM851998:FMM852002 FWI851998:FWI852002 GGE851998:GGE852002 GQA851998:GQA852002 GZW851998:GZW852002 HJS851998:HJS852002 HTO851998:HTO852002 IDK851998:IDK852002 ING851998:ING852002 IXC851998:IXC852002 JGY851998:JGY852002 JQU851998:JQU852002 KAQ851998:KAQ852002 KKM851998:KKM852002 KUI851998:KUI852002 LEE851998:LEE852002 LOA851998:LOA852002 LXW851998:LXW852002 MHS851998:MHS852002 MRO851998:MRO852002 NBK851998:NBK852002 NLG851998:NLG852002 NVC851998:NVC852002 OEY851998:OEY852002 OOU851998:OOU852002 OYQ851998:OYQ852002 PIM851998:PIM852002 PSI851998:PSI852002 QCE851998:QCE852002 QMA851998:QMA852002 QVW851998:QVW852002 RFS851998:RFS852002 RPO851998:RPO852002 RZK851998:RZK852002 SJG851998:SJG852002 STC851998:STC852002 TCY851998:TCY852002 TMU851998:TMU852002 TWQ851998:TWQ852002 UGM851998:UGM852002 UQI851998:UQI852002 VAE851998:VAE852002 VKA851998:VKA852002 VTW851998:VTW852002 WDS851998:WDS852002 WNO851998:WNO852002 WXK851998:WXK852002 BC917534:BC917538 KY917534:KY917538 UU917534:UU917538 AEQ917534:AEQ917538 AOM917534:AOM917538 AYI917534:AYI917538 BIE917534:BIE917538 BSA917534:BSA917538 CBW917534:CBW917538 CLS917534:CLS917538 CVO917534:CVO917538 DFK917534:DFK917538 DPG917534:DPG917538 DZC917534:DZC917538 EIY917534:EIY917538 ESU917534:ESU917538 FCQ917534:FCQ917538 FMM917534:FMM917538 FWI917534:FWI917538 GGE917534:GGE917538 GQA917534:GQA917538 GZW917534:GZW917538 HJS917534:HJS917538 HTO917534:HTO917538 IDK917534:IDK917538 ING917534:ING917538 IXC917534:IXC917538 JGY917534:JGY917538 JQU917534:JQU917538 KAQ917534:KAQ917538 KKM917534:KKM917538 KUI917534:KUI917538 LEE917534:LEE917538 LOA917534:LOA917538 LXW917534:LXW917538 MHS917534:MHS917538 MRO917534:MRO917538 NBK917534:NBK917538 NLG917534:NLG917538 NVC917534:NVC917538 OEY917534:OEY917538 OOU917534:OOU917538 OYQ917534:OYQ917538 PIM917534:PIM917538 PSI917534:PSI917538 QCE917534:QCE917538 QMA917534:QMA917538 QVW917534:QVW917538 RFS917534:RFS917538 RPO917534:RPO917538 RZK917534:RZK917538 SJG917534:SJG917538 STC917534:STC917538 TCY917534:TCY917538 TMU917534:TMU917538 TWQ917534:TWQ917538 UGM917534:UGM917538 UQI917534:UQI917538 VAE917534:VAE917538 VKA917534:VKA917538 VTW917534:VTW917538 WDS917534:WDS917538 WNO917534:WNO917538 WXK917534:WXK917538 BC983070:BC983074 KY983070:KY983074 UU983070:UU983074 AEQ983070:AEQ983074 AOM983070:AOM983074 AYI983070:AYI983074 BIE983070:BIE983074 BSA983070:BSA983074 CBW983070:CBW983074 CLS983070:CLS983074 CVO983070:CVO983074 DFK983070:DFK983074 DPG983070:DPG983074 DZC983070:DZC983074 EIY983070:EIY983074 ESU983070:ESU983074 FCQ983070:FCQ983074 FMM983070:FMM983074 FWI983070:FWI983074 GGE983070:GGE983074 GQA983070:GQA983074 GZW983070:GZW983074 HJS983070:HJS983074 HTO983070:HTO983074 IDK983070:IDK983074 ING983070:ING983074 IXC983070:IXC983074 JGY983070:JGY983074 JQU983070:JQU983074 KAQ983070:KAQ983074 KKM983070:KKM983074 KUI983070:KUI983074 LEE983070:LEE983074 LOA983070:LOA983074 LXW983070:LXW983074 MHS983070:MHS983074 MRO983070:MRO983074 NBK983070:NBK983074 NLG983070:NLG983074 NVC983070:NVC983074 OEY983070:OEY983074 OOU983070:OOU983074 OYQ983070:OYQ983074 PIM983070:PIM983074 PSI983070:PSI983074 QCE983070:QCE983074 QMA983070:QMA983074 QVW983070:QVW983074 RFS983070:RFS983074 RPO983070:RPO983074 RZK983070:RZK983074 SJG983070:SJG983074 STC983070:STC983074 TCY983070:TCY983074 TMU983070:TMU983074 TWQ983070:TWQ983074 UGM983070:UGM983074 UQI983070:UQI983074 VAE983070:VAE983074 VKA983070:VKA983074 VTW983070:VTW983074 WDS983070:WDS983074 WNO983070:WNO983074 WXK983070:WXK983074 AQ30 KM30 UI30 AEE30 AOA30 AXW30 BHS30 BRO30 CBK30 CLG30 CVC30 DEY30 DOU30 DYQ30 EIM30 ESI30 FCE30 FMA30 FVW30 GFS30 GPO30 GZK30 HJG30 HTC30 ICY30 IMU30 IWQ30 JGM30 JQI30 KAE30 KKA30 KTW30 LDS30 LNO30 LXK30 MHG30 MRC30 NAY30 NKU30 NUQ30 OEM30 OOI30 OYE30 PIA30 PRW30 QBS30 QLO30 QVK30 RFG30 RPC30 RYY30 SIU30 SSQ30 TCM30 TMI30 TWE30 UGA30 UPW30 UZS30 VJO30 VTK30 WDG30 WNC30 WWY30 AQ65566 KM65566 UI65566 AEE65566 AOA65566 AXW65566 BHS65566 BRO65566 CBK65566 CLG65566 CVC65566 DEY65566 DOU65566 DYQ65566 EIM65566 ESI65566 FCE65566 FMA65566 FVW65566 GFS65566 GPO65566 GZK65566 HJG65566 HTC65566 ICY65566 IMU65566 IWQ65566 JGM65566 JQI65566 KAE65566 KKA65566 KTW65566 LDS65566 LNO65566 LXK65566 MHG65566 MRC65566 NAY65566 NKU65566 NUQ65566 OEM65566 OOI65566 OYE65566 PIA65566 PRW65566 QBS65566 QLO65566 QVK65566 RFG65566 RPC65566 RYY65566 SIU65566 SSQ65566 TCM65566 TMI65566 TWE65566 UGA65566 UPW65566 UZS65566 VJO65566 VTK65566 WDG65566 WNC65566 WWY65566 AQ131102 KM131102 UI131102 AEE131102 AOA131102 AXW131102 BHS131102 BRO131102 CBK131102 CLG131102 CVC131102 DEY131102 DOU131102 DYQ131102 EIM131102 ESI131102 FCE131102 FMA131102 FVW131102 GFS131102 GPO131102 GZK131102 HJG131102 HTC131102 ICY131102 IMU131102 IWQ131102 JGM131102 JQI131102 KAE131102 KKA131102 KTW131102 LDS131102 LNO131102 LXK131102 MHG131102 MRC131102 NAY131102 NKU131102 NUQ131102 OEM131102 OOI131102 OYE131102 PIA131102 PRW131102 QBS131102 QLO131102 QVK131102 RFG131102 RPC131102 RYY131102 SIU131102 SSQ131102 TCM131102 TMI131102 TWE131102 UGA131102 UPW131102 UZS131102 VJO131102 VTK131102 WDG131102 WNC131102 WWY131102 AQ196638 KM196638 UI196638 AEE196638 AOA196638 AXW196638 BHS196638 BRO196638 CBK196638 CLG196638 CVC196638 DEY196638 DOU196638 DYQ196638 EIM196638 ESI196638 FCE196638 FMA196638 FVW196638 GFS196638 GPO196638 GZK196638 HJG196638 HTC196638 ICY196638 IMU196638 IWQ196638 JGM196638 JQI196638 KAE196638 KKA196638 KTW196638 LDS196638 LNO196638 LXK196638 MHG196638 MRC196638 NAY196638 NKU196638 NUQ196638 OEM196638 OOI196638 OYE196638 PIA196638 PRW196638 QBS196638 QLO196638 QVK196638 RFG196638 RPC196638 RYY196638 SIU196638 SSQ196638 TCM196638 TMI196638 TWE196638 UGA196638 UPW196638 UZS196638 VJO196638 VTK196638 WDG196638 WNC196638 WWY196638 AQ262174 KM262174 UI262174 AEE262174 AOA262174 AXW262174 BHS262174 BRO262174 CBK262174 CLG262174 CVC262174 DEY262174 DOU262174 DYQ262174 EIM262174 ESI262174 FCE262174 FMA262174 FVW262174 GFS262174 GPO262174 GZK262174 HJG262174 HTC262174 ICY262174 IMU262174 IWQ262174 JGM262174 JQI262174 KAE262174 KKA262174 KTW262174 LDS262174 LNO262174 LXK262174 MHG262174 MRC262174 NAY262174 NKU262174 NUQ262174 OEM262174 OOI262174 OYE262174 PIA262174 PRW262174 QBS262174 QLO262174 QVK262174 RFG262174 RPC262174 RYY262174 SIU262174 SSQ262174 TCM262174 TMI262174 TWE262174 UGA262174 UPW262174 UZS262174 VJO262174 VTK262174 WDG262174 WNC262174 WWY262174 AQ327710 KM327710 UI327710 AEE327710 AOA327710 AXW327710 BHS327710 BRO327710 CBK327710 CLG327710 CVC327710 DEY327710 DOU327710 DYQ327710 EIM327710 ESI327710 FCE327710 FMA327710 FVW327710 GFS327710 GPO327710 GZK327710 HJG327710 HTC327710 ICY327710 IMU327710 IWQ327710 JGM327710 JQI327710 KAE327710 KKA327710 KTW327710 LDS327710 LNO327710 LXK327710 MHG327710 MRC327710 NAY327710 NKU327710 NUQ327710 OEM327710 OOI327710 OYE327710 PIA327710 PRW327710 QBS327710 QLO327710 QVK327710 RFG327710 RPC327710 RYY327710 SIU327710 SSQ327710 TCM327710 TMI327710 TWE327710 UGA327710 UPW327710 UZS327710 VJO327710 VTK327710 WDG327710 WNC327710 WWY327710 AQ393246 KM393246 UI393246 AEE393246 AOA393246 AXW393246 BHS393246 BRO393246 CBK393246 CLG393246 CVC393246 DEY393246 DOU393246 DYQ393246 EIM393246 ESI393246 FCE393246 FMA393246 FVW393246 GFS393246 GPO393246 GZK393246 HJG393246 HTC393246 ICY393246 IMU393246 IWQ393246 JGM393246 JQI393246 KAE393246 KKA393246 KTW393246 LDS393246 LNO393246 LXK393246 MHG393246 MRC393246 NAY393246 NKU393246 NUQ393246 OEM393246 OOI393246 OYE393246 PIA393246 PRW393246 QBS393246 QLO393246 QVK393246 RFG393246 RPC393246 RYY393246 SIU393246 SSQ393246 TCM393246 TMI393246 TWE393246 UGA393246 UPW393246 UZS393246 VJO393246 VTK393246 WDG393246 WNC393246 WWY393246 AQ458782 KM458782 UI458782 AEE458782 AOA458782 AXW458782 BHS458782 BRO458782 CBK458782 CLG458782 CVC458782 DEY458782 DOU458782 DYQ458782 EIM458782 ESI458782 FCE458782 FMA458782 FVW458782 GFS458782 GPO458782 GZK458782 HJG458782 HTC458782 ICY458782 IMU458782 IWQ458782 JGM458782 JQI458782 KAE458782 KKA458782 KTW458782 LDS458782 LNO458782 LXK458782 MHG458782 MRC458782 NAY458782 NKU458782 NUQ458782 OEM458782 OOI458782 OYE458782 PIA458782 PRW458782 QBS458782 QLO458782 QVK458782 RFG458782 RPC458782 RYY458782 SIU458782 SSQ458782 TCM458782 TMI458782 TWE458782 UGA458782 UPW458782 UZS458782 VJO458782 VTK458782 WDG458782 WNC458782 WWY458782 AQ524318 KM524318 UI524318 AEE524318 AOA524318 AXW524318 BHS524318 BRO524318 CBK524318 CLG524318 CVC524318 DEY524318 DOU524318 DYQ524318 EIM524318 ESI524318 FCE524318 FMA524318 FVW524318 GFS524318 GPO524318 GZK524318 HJG524318 HTC524318 ICY524318 IMU524318 IWQ524318 JGM524318 JQI524318 KAE524318 KKA524318 KTW524318 LDS524318 LNO524318 LXK524318 MHG524318 MRC524318 NAY524318 NKU524318 NUQ524318 OEM524318 OOI524318 OYE524318 PIA524318 PRW524318 QBS524318 QLO524318 QVK524318 RFG524318 RPC524318 RYY524318 SIU524318 SSQ524318 TCM524318 TMI524318 TWE524318 UGA524318 UPW524318 UZS524318 VJO524318 VTK524318 WDG524318 WNC524318 WWY524318 AQ589854 KM589854 UI589854 AEE589854 AOA589854 AXW589854 BHS589854 BRO589854 CBK589854 CLG589854 CVC589854 DEY589854 DOU589854 DYQ589854 EIM589854 ESI589854 FCE589854 FMA589854 FVW589854 GFS589854 GPO589854 GZK589854 HJG589854 HTC589854 ICY589854 IMU589854 IWQ589854 JGM589854 JQI589854 KAE589854 KKA589854 KTW589854 LDS589854 LNO589854 LXK589854 MHG589854 MRC589854 NAY589854 NKU589854 NUQ589854 OEM589854 OOI589854 OYE589854 PIA589854 PRW589854 QBS589854 QLO589854 QVK589854 RFG589854 RPC589854 RYY589854 SIU589854 SSQ589854 TCM589854 TMI589854 TWE589854 UGA589854 UPW589854 UZS589854 VJO589854 VTK589854 WDG589854 WNC589854 WWY589854 AQ655390 KM655390 UI655390 AEE655390 AOA655390 AXW655390 BHS655390 BRO655390 CBK655390 CLG655390 CVC655390 DEY655390 DOU655390 DYQ655390 EIM655390 ESI655390 FCE655390 FMA655390 FVW655390 GFS655390 GPO655390 GZK655390 HJG655390 HTC655390 ICY655390 IMU655390 IWQ655390 JGM655390 JQI655390 KAE655390 KKA655390 KTW655390 LDS655390 LNO655390 LXK655390 MHG655390 MRC655390 NAY655390 NKU655390 NUQ655390 OEM655390 OOI655390 OYE655390 PIA655390 PRW655390 QBS655390 QLO655390 QVK655390 RFG655390 RPC655390 RYY655390 SIU655390 SSQ655390 TCM655390 TMI655390 TWE655390 UGA655390 UPW655390 UZS655390 VJO655390 VTK655390 WDG655390 WNC655390 WWY655390 AQ720926 KM720926 UI720926 AEE720926 AOA720926 AXW720926 BHS720926 BRO720926 CBK720926 CLG720926 CVC720926 DEY720926 DOU720926 DYQ720926 EIM720926 ESI720926 FCE720926 FMA720926 FVW720926 GFS720926 GPO720926 GZK720926 HJG720926 HTC720926 ICY720926 IMU720926 IWQ720926 JGM720926 JQI720926 KAE720926 KKA720926 KTW720926 LDS720926 LNO720926 LXK720926 MHG720926 MRC720926 NAY720926 NKU720926 NUQ720926 OEM720926 OOI720926 OYE720926 PIA720926 PRW720926 QBS720926 QLO720926 QVK720926 RFG720926 RPC720926 RYY720926 SIU720926 SSQ720926 TCM720926 TMI720926 TWE720926 UGA720926 UPW720926 UZS720926 VJO720926 VTK720926 WDG720926 WNC720926 WWY720926 AQ786462 KM786462 UI786462 AEE786462 AOA786462 AXW786462 BHS786462 BRO786462 CBK786462 CLG786462 CVC786462 DEY786462 DOU786462 DYQ786462 EIM786462 ESI786462 FCE786462 FMA786462 FVW786462 GFS786462 GPO786462 GZK786462 HJG786462 HTC786462 ICY786462 IMU786462 IWQ786462 JGM786462 JQI786462 KAE786462 KKA786462 KTW786462 LDS786462 LNO786462 LXK786462 MHG786462 MRC786462 NAY786462 NKU786462 NUQ786462 OEM786462 OOI786462 OYE786462 PIA786462 PRW786462 QBS786462 QLO786462 QVK786462 RFG786462 RPC786462 RYY786462 SIU786462 SSQ786462 TCM786462 TMI786462 TWE786462 UGA786462 UPW786462 UZS786462 VJO786462 VTK786462 WDG786462 WNC786462 WWY786462 AQ851998 KM851998 UI851998 AEE851998 AOA851998 AXW851998 BHS851998 BRO851998 CBK851998 CLG851998 CVC851998 DEY851998 DOU851998 DYQ851998 EIM851998 ESI851998 FCE851998 FMA851998 FVW851998 GFS851998 GPO851998 GZK851998 HJG851998 HTC851998 ICY851998 IMU851998 IWQ851998 JGM851998 JQI851998 KAE851998 KKA851998 KTW851998 LDS851998 LNO851998 LXK851998 MHG851998 MRC851998 NAY851998 NKU851998 NUQ851998 OEM851998 OOI851998 OYE851998 PIA851998 PRW851998 QBS851998 QLO851998 QVK851998 RFG851998 RPC851998 RYY851998 SIU851998 SSQ851998 TCM851998 TMI851998 TWE851998 UGA851998 UPW851998 UZS851998 VJO851998 VTK851998 WDG851998 WNC851998 WWY851998 AQ917534 KM917534 UI917534 AEE917534 AOA917534 AXW917534 BHS917534 BRO917534 CBK917534 CLG917534 CVC917534 DEY917534 DOU917534 DYQ917534 EIM917534 ESI917534 FCE917534 FMA917534 FVW917534 GFS917534 GPO917534 GZK917534 HJG917534 HTC917534 ICY917534 IMU917534 IWQ917534 JGM917534 JQI917534 KAE917534 KKA917534 KTW917534 LDS917534 LNO917534 LXK917534 MHG917534 MRC917534 NAY917534 NKU917534 NUQ917534 OEM917534 OOI917534 OYE917534 PIA917534 PRW917534 QBS917534 QLO917534 QVK917534 RFG917534 RPC917534 RYY917534 SIU917534 SSQ917534 TCM917534 TMI917534 TWE917534 UGA917534 UPW917534 UZS917534 VJO917534 VTK917534 WDG917534 WNC917534 WWY917534 AQ983070 KM983070 UI983070 AEE983070 AOA983070 AXW983070 BHS983070 BRO983070 CBK983070 CLG983070 CVC983070 DEY983070 DOU983070 DYQ983070 EIM983070 ESI983070 FCE983070 FMA983070 FVW983070 GFS983070 GPO983070 GZK983070 HJG983070 HTC983070 ICY983070 IMU983070 IWQ983070 JGM983070 JQI983070 KAE983070 KKA983070 KTW983070 LDS983070 LNO983070 LXK983070 MHG983070 MRC983070 NAY983070 NKU983070 NUQ983070 OEM983070 OOI983070 OYE983070 PIA983070 PRW983070 QBS983070 QLO983070 QVK983070 RFG983070 RPC983070 RYY983070 SIU983070 SSQ983070 TCM983070 TMI983070 TWE983070 UGA983070 UPW983070 UZS983070 VJO983070 VTK983070 WDG983070 WNC983070 WWY983070" xr:uid="{84AB4235-6D4C-4E1E-8A43-D56EF565C2A5}">
      <formula1>"○,"</formula1>
    </dataValidation>
    <dataValidation type="list" allowBlank="1" showInputMessage="1" showErrorMessage="1" sqref="EV39:FM62" xr:uid="{EA7B3B3B-788C-4505-B378-90F0D27B40FF}">
      <formula1>"10％,8％,非課税"</formula1>
    </dataValidation>
    <dataValidation type="list" allowBlank="1" showInputMessage="1" showErrorMessage="1" sqref="FK5:FM8" xr:uid="{B3AA027C-8CE2-4752-9377-0C6DA8683F12}">
      <formula1>"✓"</formula1>
    </dataValidation>
  </dataValidations>
  <pageMargins left="0.7" right="0.7" top="0.75" bottom="0.75" header="0.3" footer="0.3"/>
  <pageSetup paperSize="9" scale="8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019D8C-209E-4B29-A344-236E4FE23E98}">
  <sheetPr>
    <pageSetUpPr fitToPage="1"/>
  </sheetPr>
  <dimension ref="B1:IC99"/>
  <sheetViews>
    <sheetView zoomScale="115" zoomScaleNormal="115" workbookViewId="0">
      <selection activeCell="HU73" sqref="HU73"/>
    </sheetView>
  </sheetViews>
  <sheetFormatPr defaultRowHeight="10.5" customHeight="1"/>
  <cols>
    <col min="1" max="226" width="0.625" style="1" customWidth="1"/>
    <col min="227" max="256" width="9" style="1"/>
    <col min="257" max="482" width="0.625" style="1" customWidth="1"/>
    <col min="483" max="512" width="9" style="1"/>
    <col min="513" max="738" width="0.625" style="1" customWidth="1"/>
    <col min="739" max="768" width="9" style="1"/>
    <col min="769" max="994" width="0.625" style="1" customWidth="1"/>
    <col min="995" max="1024" width="9" style="1"/>
    <col min="1025" max="1250" width="0.625" style="1" customWidth="1"/>
    <col min="1251" max="1280" width="9" style="1"/>
    <col min="1281" max="1506" width="0.625" style="1" customWidth="1"/>
    <col min="1507" max="1536" width="9" style="1"/>
    <col min="1537" max="1762" width="0.625" style="1" customWidth="1"/>
    <col min="1763" max="1792" width="9" style="1"/>
    <col min="1793" max="2018" width="0.625" style="1" customWidth="1"/>
    <col min="2019" max="2048" width="9" style="1"/>
    <col min="2049" max="2274" width="0.625" style="1" customWidth="1"/>
    <col min="2275" max="2304" width="9" style="1"/>
    <col min="2305" max="2530" width="0.625" style="1" customWidth="1"/>
    <col min="2531" max="2560" width="9" style="1"/>
    <col min="2561" max="2786" width="0.625" style="1" customWidth="1"/>
    <col min="2787" max="2816" width="9" style="1"/>
    <col min="2817" max="3042" width="0.625" style="1" customWidth="1"/>
    <col min="3043" max="3072" width="9" style="1"/>
    <col min="3073" max="3298" width="0.625" style="1" customWidth="1"/>
    <col min="3299" max="3328" width="9" style="1"/>
    <col min="3329" max="3554" width="0.625" style="1" customWidth="1"/>
    <col min="3555" max="3584" width="9" style="1"/>
    <col min="3585" max="3810" width="0.625" style="1" customWidth="1"/>
    <col min="3811" max="3840" width="9" style="1"/>
    <col min="3841" max="4066" width="0.625" style="1" customWidth="1"/>
    <col min="4067" max="4096" width="9" style="1"/>
    <col min="4097" max="4322" width="0.625" style="1" customWidth="1"/>
    <col min="4323" max="4352" width="9" style="1"/>
    <col min="4353" max="4578" width="0.625" style="1" customWidth="1"/>
    <col min="4579" max="4608" width="9" style="1"/>
    <col min="4609" max="4834" width="0.625" style="1" customWidth="1"/>
    <col min="4835" max="4864" width="9" style="1"/>
    <col min="4865" max="5090" width="0.625" style="1" customWidth="1"/>
    <col min="5091" max="5120" width="9" style="1"/>
    <col min="5121" max="5346" width="0.625" style="1" customWidth="1"/>
    <col min="5347" max="5376" width="9" style="1"/>
    <col min="5377" max="5602" width="0.625" style="1" customWidth="1"/>
    <col min="5603" max="5632" width="9" style="1"/>
    <col min="5633" max="5858" width="0.625" style="1" customWidth="1"/>
    <col min="5859" max="5888" width="9" style="1"/>
    <col min="5889" max="6114" width="0.625" style="1" customWidth="1"/>
    <col min="6115" max="6144" width="9" style="1"/>
    <col min="6145" max="6370" width="0.625" style="1" customWidth="1"/>
    <col min="6371" max="6400" width="9" style="1"/>
    <col min="6401" max="6626" width="0.625" style="1" customWidth="1"/>
    <col min="6627" max="6656" width="9" style="1"/>
    <col min="6657" max="6882" width="0.625" style="1" customWidth="1"/>
    <col min="6883" max="6912" width="9" style="1"/>
    <col min="6913" max="7138" width="0.625" style="1" customWidth="1"/>
    <col min="7139" max="7168" width="9" style="1"/>
    <col min="7169" max="7394" width="0.625" style="1" customWidth="1"/>
    <col min="7395" max="7424" width="9" style="1"/>
    <col min="7425" max="7650" width="0.625" style="1" customWidth="1"/>
    <col min="7651" max="7680" width="9" style="1"/>
    <col min="7681" max="7906" width="0.625" style="1" customWidth="1"/>
    <col min="7907" max="7936" width="9" style="1"/>
    <col min="7937" max="8162" width="0.625" style="1" customWidth="1"/>
    <col min="8163" max="8192" width="9" style="1"/>
    <col min="8193" max="8418" width="0.625" style="1" customWidth="1"/>
    <col min="8419" max="8448" width="9" style="1"/>
    <col min="8449" max="8674" width="0.625" style="1" customWidth="1"/>
    <col min="8675" max="8704" width="9" style="1"/>
    <col min="8705" max="8930" width="0.625" style="1" customWidth="1"/>
    <col min="8931" max="8960" width="9" style="1"/>
    <col min="8961" max="9186" width="0.625" style="1" customWidth="1"/>
    <col min="9187" max="9216" width="9" style="1"/>
    <col min="9217" max="9442" width="0.625" style="1" customWidth="1"/>
    <col min="9443" max="9472" width="9" style="1"/>
    <col min="9473" max="9698" width="0.625" style="1" customWidth="1"/>
    <col min="9699" max="9728" width="9" style="1"/>
    <col min="9729" max="9954" width="0.625" style="1" customWidth="1"/>
    <col min="9955" max="9984" width="9" style="1"/>
    <col min="9985" max="10210" width="0.625" style="1" customWidth="1"/>
    <col min="10211" max="10240" width="9" style="1"/>
    <col min="10241" max="10466" width="0.625" style="1" customWidth="1"/>
    <col min="10467" max="10496" width="9" style="1"/>
    <col min="10497" max="10722" width="0.625" style="1" customWidth="1"/>
    <col min="10723" max="10752" width="9" style="1"/>
    <col min="10753" max="10978" width="0.625" style="1" customWidth="1"/>
    <col min="10979" max="11008" width="9" style="1"/>
    <col min="11009" max="11234" width="0.625" style="1" customWidth="1"/>
    <col min="11235" max="11264" width="9" style="1"/>
    <col min="11265" max="11490" width="0.625" style="1" customWidth="1"/>
    <col min="11491" max="11520" width="9" style="1"/>
    <col min="11521" max="11746" width="0.625" style="1" customWidth="1"/>
    <col min="11747" max="11776" width="9" style="1"/>
    <col min="11777" max="12002" width="0.625" style="1" customWidth="1"/>
    <col min="12003" max="12032" width="9" style="1"/>
    <col min="12033" max="12258" width="0.625" style="1" customWidth="1"/>
    <col min="12259" max="12288" width="9" style="1"/>
    <col min="12289" max="12514" width="0.625" style="1" customWidth="1"/>
    <col min="12515" max="12544" width="9" style="1"/>
    <col min="12545" max="12770" width="0.625" style="1" customWidth="1"/>
    <col min="12771" max="12800" width="9" style="1"/>
    <col min="12801" max="13026" width="0.625" style="1" customWidth="1"/>
    <col min="13027" max="13056" width="9" style="1"/>
    <col min="13057" max="13282" width="0.625" style="1" customWidth="1"/>
    <col min="13283" max="13312" width="9" style="1"/>
    <col min="13313" max="13538" width="0.625" style="1" customWidth="1"/>
    <col min="13539" max="13568" width="9" style="1"/>
    <col min="13569" max="13794" width="0.625" style="1" customWidth="1"/>
    <col min="13795" max="13824" width="9" style="1"/>
    <col min="13825" max="14050" width="0.625" style="1" customWidth="1"/>
    <col min="14051" max="14080" width="9" style="1"/>
    <col min="14081" max="14306" width="0.625" style="1" customWidth="1"/>
    <col min="14307" max="14336" width="9" style="1"/>
    <col min="14337" max="14562" width="0.625" style="1" customWidth="1"/>
    <col min="14563" max="14592" width="9" style="1"/>
    <col min="14593" max="14818" width="0.625" style="1" customWidth="1"/>
    <col min="14819" max="14848" width="9" style="1"/>
    <col min="14849" max="15074" width="0.625" style="1" customWidth="1"/>
    <col min="15075" max="15104" width="9" style="1"/>
    <col min="15105" max="15330" width="0.625" style="1" customWidth="1"/>
    <col min="15331" max="15360" width="9" style="1"/>
    <col min="15361" max="15586" width="0.625" style="1" customWidth="1"/>
    <col min="15587" max="15616" width="9" style="1"/>
    <col min="15617" max="15842" width="0.625" style="1" customWidth="1"/>
    <col min="15843" max="15872" width="9" style="1"/>
    <col min="15873" max="16098" width="0.625" style="1" customWidth="1"/>
    <col min="16099" max="16128" width="9" style="1"/>
    <col min="16129" max="16354" width="0.625" style="1" customWidth="1"/>
    <col min="16355" max="16384" width="9" style="1"/>
  </cols>
  <sheetData>
    <row r="1" spans="2:234" ht="10.5" customHeight="1">
      <c r="C1" s="62"/>
      <c r="D1" s="63"/>
      <c r="E1" s="63"/>
      <c r="F1" s="63"/>
      <c r="G1" s="63"/>
      <c r="H1" s="63"/>
      <c r="I1" s="63"/>
      <c r="J1" s="63"/>
      <c r="K1" s="63"/>
      <c r="L1" s="63"/>
      <c r="M1" s="63"/>
      <c r="N1" s="63"/>
      <c r="O1" s="63"/>
      <c r="P1" s="63"/>
      <c r="Q1" s="63"/>
      <c r="R1" s="63"/>
      <c r="S1" s="63"/>
      <c r="BX1" s="2"/>
      <c r="BY1" s="2"/>
      <c r="BZ1" s="2"/>
      <c r="CA1" s="2"/>
      <c r="CB1" s="2"/>
      <c r="CC1" s="2"/>
      <c r="CD1" s="2"/>
      <c r="CE1" s="2"/>
      <c r="CF1" s="2"/>
      <c r="CG1" s="2"/>
      <c r="CH1" s="2"/>
      <c r="CI1" s="70"/>
      <c r="CJ1" s="70"/>
      <c r="CK1" s="70"/>
      <c r="CL1" s="70"/>
      <c r="CM1" s="70"/>
      <c r="CN1" s="70"/>
      <c r="CO1" s="70"/>
      <c r="CP1" s="70"/>
      <c r="CQ1" s="70"/>
      <c r="CR1" s="70"/>
      <c r="CS1" s="70"/>
      <c r="CT1" s="70"/>
      <c r="CU1" s="70"/>
      <c r="CV1" s="70"/>
      <c r="CW1" s="70"/>
      <c r="CX1" s="70"/>
      <c r="CY1" s="70"/>
      <c r="CZ1" s="70"/>
      <c r="DA1" s="70"/>
      <c r="DB1" s="70"/>
      <c r="DC1" s="70"/>
      <c r="DD1" s="70"/>
      <c r="DE1" s="70"/>
      <c r="DF1" s="70"/>
      <c r="DG1" s="70"/>
      <c r="DH1" s="70"/>
      <c r="DI1" s="70"/>
      <c r="DJ1" s="70"/>
      <c r="DK1" s="70"/>
      <c r="DL1" s="70"/>
      <c r="DM1" s="70"/>
      <c r="DN1" s="70"/>
      <c r="DO1" s="70"/>
      <c r="DP1" s="70"/>
      <c r="DQ1" s="70"/>
      <c r="DR1" s="70"/>
      <c r="DS1" s="70"/>
      <c r="DT1" s="70"/>
      <c r="DU1" s="70"/>
      <c r="DV1" s="70"/>
      <c r="DW1" s="70"/>
      <c r="DX1" s="70"/>
      <c r="DY1" s="70"/>
      <c r="DZ1" s="70"/>
      <c r="EA1" s="70"/>
      <c r="EB1" s="70"/>
      <c r="EC1" s="70"/>
      <c r="ED1" s="70"/>
      <c r="EE1" s="70"/>
      <c r="EF1" s="70"/>
      <c r="EG1" s="70"/>
      <c r="EH1" s="70"/>
      <c r="EI1" s="70"/>
      <c r="EJ1" s="70"/>
      <c r="EK1" s="2"/>
      <c r="EL1" s="2"/>
      <c r="EM1" s="2"/>
      <c r="EN1" s="62"/>
      <c r="EO1" s="63"/>
      <c r="EP1" s="63"/>
      <c r="EQ1" s="63"/>
      <c r="ER1" s="63"/>
      <c r="ES1" s="63"/>
      <c r="ET1" s="63"/>
      <c r="EU1" s="63"/>
      <c r="EV1" s="63"/>
      <c r="EW1" s="63"/>
      <c r="EX1" s="63"/>
      <c r="EY1" s="63"/>
      <c r="EZ1" s="63"/>
      <c r="FA1" s="63"/>
      <c r="FB1" s="63"/>
      <c r="FC1" s="63"/>
      <c r="FD1" s="63"/>
      <c r="HI1" s="1">
        <v>1</v>
      </c>
      <c r="HJ1" s="1">
        <v>1</v>
      </c>
      <c r="HK1" s="1">
        <v>1</v>
      </c>
      <c r="HL1" s="1">
        <v>1</v>
      </c>
      <c r="HM1" s="1">
        <v>1</v>
      </c>
      <c r="HN1" s="1">
        <v>1</v>
      </c>
      <c r="HO1" s="1">
        <v>1</v>
      </c>
      <c r="HP1" s="1">
        <v>1</v>
      </c>
      <c r="HQ1" s="1">
        <v>1</v>
      </c>
    </row>
    <row r="2" spans="2:234" ht="10.5" customHeight="1">
      <c r="C2" s="63"/>
      <c r="D2" s="63"/>
      <c r="E2" s="63"/>
      <c r="F2" s="63"/>
      <c r="G2" s="63"/>
      <c r="H2" s="63"/>
      <c r="I2" s="63"/>
      <c r="J2" s="63"/>
      <c r="K2" s="63"/>
      <c r="L2" s="63"/>
      <c r="M2" s="63"/>
      <c r="N2" s="63"/>
      <c r="O2" s="63"/>
      <c r="P2" s="63"/>
      <c r="Q2" s="63"/>
      <c r="R2" s="63"/>
      <c r="S2" s="63"/>
      <c r="BX2" s="2"/>
      <c r="BY2" s="2"/>
      <c r="BZ2" s="2"/>
      <c r="CA2" s="2"/>
      <c r="CB2" s="2"/>
      <c r="CC2" s="2"/>
      <c r="CD2" s="2"/>
      <c r="CE2" s="2"/>
      <c r="CF2" s="2"/>
      <c r="CG2" s="2"/>
      <c r="CH2" s="2"/>
      <c r="CI2" s="70"/>
      <c r="CJ2" s="70"/>
      <c r="CK2" s="70"/>
      <c r="CL2" s="70"/>
      <c r="CM2" s="70"/>
      <c r="CN2" s="70"/>
      <c r="CO2" s="70"/>
      <c r="CP2" s="70"/>
      <c r="CQ2" s="70"/>
      <c r="CR2" s="70"/>
      <c r="CS2" s="70"/>
      <c r="CT2" s="70"/>
      <c r="CU2" s="70"/>
      <c r="CV2" s="70"/>
      <c r="CW2" s="70"/>
      <c r="CX2" s="70"/>
      <c r="CY2" s="70"/>
      <c r="CZ2" s="70"/>
      <c r="DA2" s="70"/>
      <c r="DB2" s="70"/>
      <c r="DC2" s="70"/>
      <c r="DD2" s="70"/>
      <c r="DE2" s="70"/>
      <c r="DF2" s="70"/>
      <c r="DG2" s="70"/>
      <c r="DH2" s="70"/>
      <c r="DI2" s="70"/>
      <c r="DJ2" s="70"/>
      <c r="DK2" s="70"/>
      <c r="DL2" s="70"/>
      <c r="DM2" s="70"/>
      <c r="DN2" s="70"/>
      <c r="DO2" s="70"/>
      <c r="DP2" s="70"/>
      <c r="DQ2" s="70"/>
      <c r="DR2" s="70"/>
      <c r="DS2" s="70"/>
      <c r="DT2" s="70"/>
      <c r="DU2" s="70"/>
      <c r="DV2" s="70"/>
      <c r="DW2" s="70"/>
      <c r="DX2" s="70"/>
      <c r="DY2" s="70"/>
      <c r="DZ2" s="70"/>
      <c r="EA2" s="70"/>
      <c r="EB2" s="70"/>
      <c r="EC2" s="70"/>
      <c r="ED2" s="70"/>
      <c r="EE2" s="70"/>
      <c r="EF2" s="70"/>
      <c r="EG2" s="70"/>
      <c r="EH2" s="70"/>
      <c r="EI2" s="70"/>
      <c r="EJ2" s="70"/>
      <c r="EK2" s="3"/>
      <c r="EL2" s="3"/>
      <c r="EM2" s="3"/>
      <c r="EN2" s="397" t="s">
        <v>63</v>
      </c>
      <c r="EO2" s="397"/>
      <c r="EP2" s="397"/>
      <c r="EQ2" s="397"/>
      <c r="ER2" s="397"/>
      <c r="ES2" s="397"/>
      <c r="ET2" s="397"/>
      <c r="EU2" s="397"/>
      <c r="EV2" s="397"/>
      <c r="EW2" s="397"/>
      <c r="EX2" s="397"/>
      <c r="EY2" s="397"/>
      <c r="EZ2" s="397"/>
      <c r="FA2" s="397"/>
      <c r="FB2" s="397"/>
      <c r="FC2" s="397"/>
      <c r="FD2" s="397"/>
      <c r="FE2" s="397"/>
      <c r="FF2" s="397"/>
      <c r="FG2" s="397"/>
      <c r="FH2" s="397"/>
      <c r="FI2" s="397"/>
      <c r="FJ2" s="397"/>
      <c r="FK2" s="397"/>
      <c r="FL2" s="397"/>
      <c r="FM2" s="397"/>
      <c r="FN2" s="397"/>
      <c r="FO2" s="397"/>
      <c r="FP2" s="397"/>
      <c r="FQ2" s="397"/>
      <c r="FR2" s="397"/>
      <c r="FS2" s="397"/>
      <c r="FT2" s="397"/>
      <c r="FU2" s="397"/>
      <c r="FV2" s="348">
        <v>1</v>
      </c>
      <c r="FW2" s="348"/>
      <c r="FX2" s="348"/>
      <c r="FY2" s="348"/>
      <c r="FZ2" s="348"/>
      <c r="GA2" s="348"/>
      <c r="GB2" s="348"/>
      <c r="GC2" s="348"/>
      <c r="GD2" s="348">
        <v>2</v>
      </c>
      <c r="GE2" s="348"/>
      <c r="GF2" s="348"/>
      <c r="GG2" s="348"/>
      <c r="GH2" s="348"/>
      <c r="GI2" s="348"/>
      <c r="GJ2" s="348"/>
      <c r="GK2" s="348"/>
      <c r="GL2" s="348">
        <v>0</v>
      </c>
      <c r="GM2" s="348"/>
      <c r="GN2" s="348"/>
      <c r="GO2" s="348"/>
      <c r="GP2" s="348"/>
      <c r="GQ2" s="348"/>
      <c r="GR2" s="348"/>
      <c r="GS2" s="348"/>
      <c r="GT2" s="348">
        <v>0</v>
      </c>
      <c r="GU2" s="348"/>
      <c r="GV2" s="348"/>
      <c r="GW2" s="348"/>
      <c r="GX2" s="348"/>
      <c r="GY2" s="348"/>
      <c r="GZ2" s="348"/>
      <c r="HA2" s="348"/>
      <c r="HB2" s="348">
        <v>3</v>
      </c>
      <c r="HC2" s="348"/>
      <c r="HD2" s="348"/>
      <c r="HE2" s="348"/>
      <c r="HF2" s="348"/>
      <c r="HG2" s="348"/>
      <c r="HH2" s="348"/>
      <c r="HI2" s="348"/>
      <c r="HJ2" s="348">
        <v>4</v>
      </c>
      <c r="HK2" s="348"/>
      <c r="HL2" s="348"/>
      <c r="HM2" s="348"/>
      <c r="HN2" s="348"/>
      <c r="HO2" s="348"/>
      <c r="HP2" s="348"/>
      <c r="HQ2" s="348"/>
      <c r="HR2" s="1">
        <v>1</v>
      </c>
    </row>
    <row r="3" spans="2:234" ht="10.5" customHeight="1">
      <c r="C3" s="63"/>
      <c r="D3" s="63"/>
      <c r="E3" s="63"/>
      <c r="F3" s="63"/>
      <c r="G3" s="63"/>
      <c r="H3" s="63"/>
      <c r="I3" s="63"/>
      <c r="J3" s="63"/>
      <c r="K3" s="63"/>
      <c r="L3" s="63"/>
      <c r="M3" s="63"/>
      <c r="N3" s="63"/>
      <c r="O3" s="63"/>
      <c r="P3" s="63"/>
      <c r="Q3" s="63"/>
      <c r="R3" s="63"/>
      <c r="S3" s="63"/>
      <c r="BX3" s="2"/>
      <c r="BY3" s="2"/>
      <c r="BZ3" s="2"/>
      <c r="CA3" s="2"/>
      <c r="CB3" s="2"/>
      <c r="CC3" s="2"/>
      <c r="CD3" s="2"/>
      <c r="CE3" s="2"/>
      <c r="CF3" s="2"/>
      <c r="CG3" s="2"/>
      <c r="CH3" s="2"/>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3"/>
      <c r="EL3" s="3"/>
      <c r="EM3" s="3"/>
      <c r="EN3" s="397"/>
      <c r="EO3" s="397"/>
      <c r="EP3" s="397"/>
      <c r="EQ3" s="397"/>
      <c r="ER3" s="397"/>
      <c r="ES3" s="397"/>
      <c r="ET3" s="397"/>
      <c r="EU3" s="397"/>
      <c r="EV3" s="397"/>
      <c r="EW3" s="397"/>
      <c r="EX3" s="397"/>
      <c r="EY3" s="397"/>
      <c r="EZ3" s="397"/>
      <c r="FA3" s="397"/>
      <c r="FB3" s="397"/>
      <c r="FC3" s="397"/>
      <c r="FD3" s="397"/>
      <c r="FE3" s="397"/>
      <c r="FF3" s="397"/>
      <c r="FG3" s="397"/>
      <c r="FH3" s="397"/>
      <c r="FI3" s="397"/>
      <c r="FJ3" s="397"/>
      <c r="FK3" s="397"/>
      <c r="FL3" s="397"/>
      <c r="FM3" s="397"/>
      <c r="FN3" s="397"/>
      <c r="FO3" s="397"/>
      <c r="FP3" s="397"/>
      <c r="FQ3" s="397"/>
      <c r="FR3" s="397"/>
      <c r="FS3" s="397"/>
      <c r="FT3" s="397"/>
      <c r="FU3" s="397"/>
      <c r="FV3" s="348"/>
      <c r="FW3" s="348"/>
      <c r="FX3" s="348"/>
      <c r="FY3" s="348"/>
      <c r="FZ3" s="348"/>
      <c r="GA3" s="348"/>
      <c r="GB3" s="348"/>
      <c r="GC3" s="348"/>
      <c r="GD3" s="348"/>
      <c r="GE3" s="348"/>
      <c r="GF3" s="348"/>
      <c r="GG3" s="348"/>
      <c r="GH3" s="348"/>
      <c r="GI3" s="348"/>
      <c r="GJ3" s="348"/>
      <c r="GK3" s="348"/>
      <c r="GL3" s="348"/>
      <c r="GM3" s="348"/>
      <c r="GN3" s="348"/>
      <c r="GO3" s="348"/>
      <c r="GP3" s="348"/>
      <c r="GQ3" s="348"/>
      <c r="GR3" s="348"/>
      <c r="GS3" s="348"/>
      <c r="GT3" s="348"/>
      <c r="GU3" s="348"/>
      <c r="GV3" s="348"/>
      <c r="GW3" s="348"/>
      <c r="GX3" s="348"/>
      <c r="GY3" s="348"/>
      <c r="GZ3" s="348"/>
      <c r="HA3" s="348"/>
      <c r="HB3" s="348"/>
      <c r="HC3" s="348"/>
      <c r="HD3" s="348"/>
      <c r="HE3" s="348"/>
      <c r="HF3" s="348"/>
      <c r="HG3" s="348"/>
      <c r="HH3" s="348"/>
      <c r="HI3" s="348"/>
      <c r="HJ3" s="348"/>
      <c r="HK3" s="348"/>
      <c r="HL3" s="348"/>
      <c r="HM3" s="348"/>
      <c r="HN3" s="348"/>
      <c r="HO3" s="348"/>
      <c r="HP3" s="348"/>
      <c r="HQ3" s="348"/>
      <c r="HR3" s="1">
        <v>1</v>
      </c>
    </row>
    <row r="4" spans="2:234" ht="10.5" customHeight="1">
      <c r="BV4" s="2"/>
      <c r="BW4" s="2"/>
      <c r="BX4" s="2"/>
      <c r="BY4" s="2"/>
      <c r="BZ4" s="2"/>
      <c r="CA4" s="2"/>
      <c r="CB4" s="2"/>
      <c r="CC4" s="2"/>
      <c r="CD4" s="2"/>
      <c r="CE4" s="2"/>
      <c r="CF4" s="2"/>
      <c r="CG4" s="2"/>
      <c r="CH4" s="2"/>
      <c r="CI4" s="371" t="s">
        <v>71</v>
      </c>
      <c r="CJ4" s="371"/>
      <c r="CK4" s="371"/>
      <c r="CL4" s="371"/>
      <c r="CM4" s="371"/>
      <c r="CN4" s="371"/>
      <c r="CO4" s="371"/>
      <c r="CP4" s="371"/>
      <c r="CQ4" s="371"/>
      <c r="CR4" s="371"/>
      <c r="CS4" s="371"/>
      <c r="CT4" s="371"/>
      <c r="CU4" s="371"/>
      <c r="CV4" s="371"/>
      <c r="CW4" s="371"/>
      <c r="CX4" s="371"/>
      <c r="CY4" s="371"/>
      <c r="CZ4" s="371"/>
      <c r="DA4" s="371"/>
      <c r="DB4" s="371"/>
      <c r="DC4" s="371"/>
      <c r="DD4" s="371"/>
      <c r="DE4" s="371"/>
      <c r="DF4" s="371"/>
      <c r="DG4" s="371"/>
      <c r="DH4" s="371"/>
      <c r="DI4" s="371"/>
      <c r="DJ4" s="371"/>
      <c r="DK4" s="371"/>
      <c r="DL4" s="371"/>
      <c r="DM4" s="371"/>
      <c r="DN4" s="371"/>
      <c r="DO4" s="371"/>
      <c r="DP4" s="371"/>
      <c r="DQ4" s="371"/>
      <c r="DR4" s="371"/>
      <c r="DS4" s="371"/>
      <c r="DT4" s="371"/>
      <c r="DU4" s="371"/>
      <c r="DV4" s="371"/>
      <c r="DW4" s="371"/>
      <c r="DX4" s="371"/>
      <c r="DY4" s="371"/>
      <c r="DZ4" s="371"/>
      <c r="EA4" s="371"/>
      <c r="EB4" s="371"/>
      <c r="EC4" s="371"/>
      <c r="ED4" s="371"/>
      <c r="EE4" s="371"/>
      <c r="EF4" s="371"/>
      <c r="EG4" s="371"/>
      <c r="EH4" s="371"/>
      <c r="EI4" s="371"/>
      <c r="EJ4" s="371"/>
      <c r="EK4" s="3"/>
      <c r="EL4" s="3"/>
      <c r="EM4" s="3"/>
      <c r="EN4" s="397"/>
      <c r="EO4" s="397"/>
      <c r="EP4" s="397"/>
      <c r="EQ4" s="397"/>
      <c r="ER4" s="397"/>
      <c r="ES4" s="397"/>
      <c r="ET4" s="397"/>
      <c r="EU4" s="397"/>
      <c r="EV4" s="397"/>
      <c r="EW4" s="397"/>
      <c r="EX4" s="397"/>
      <c r="EY4" s="397"/>
      <c r="EZ4" s="397"/>
      <c r="FA4" s="397"/>
      <c r="FB4" s="397"/>
      <c r="FC4" s="397"/>
      <c r="FD4" s="397"/>
      <c r="FE4" s="397"/>
      <c r="FF4" s="397"/>
      <c r="FG4" s="397"/>
      <c r="FH4" s="397"/>
      <c r="FI4" s="397"/>
      <c r="FJ4" s="397"/>
      <c r="FK4" s="397"/>
      <c r="FL4" s="397"/>
      <c r="FM4" s="397"/>
      <c r="FN4" s="397"/>
      <c r="FO4" s="397"/>
      <c r="FP4" s="397"/>
      <c r="FQ4" s="397"/>
      <c r="FR4" s="397"/>
      <c r="FS4" s="397"/>
      <c r="FT4" s="397"/>
      <c r="FU4" s="397"/>
      <c r="FV4" s="348"/>
      <c r="FW4" s="348"/>
      <c r="FX4" s="348"/>
      <c r="FY4" s="348"/>
      <c r="FZ4" s="348"/>
      <c r="GA4" s="348"/>
      <c r="GB4" s="348"/>
      <c r="GC4" s="348"/>
      <c r="GD4" s="348"/>
      <c r="GE4" s="348"/>
      <c r="GF4" s="348"/>
      <c r="GG4" s="348"/>
      <c r="GH4" s="348"/>
      <c r="GI4" s="348"/>
      <c r="GJ4" s="348"/>
      <c r="GK4" s="348"/>
      <c r="GL4" s="348"/>
      <c r="GM4" s="348"/>
      <c r="GN4" s="348"/>
      <c r="GO4" s="348"/>
      <c r="GP4" s="348"/>
      <c r="GQ4" s="348"/>
      <c r="GR4" s="348"/>
      <c r="GS4" s="348"/>
      <c r="GT4" s="348"/>
      <c r="GU4" s="348"/>
      <c r="GV4" s="348"/>
      <c r="GW4" s="348"/>
      <c r="GX4" s="348"/>
      <c r="GY4" s="348"/>
      <c r="GZ4" s="348"/>
      <c r="HA4" s="348"/>
      <c r="HB4" s="348"/>
      <c r="HC4" s="348"/>
      <c r="HD4" s="348"/>
      <c r="HE4" s="348"/>
      <c r="HF4" s="348"/>
      <c r="HG4" s="348"/>
      <c r="HH4" s="348"/>
      <c r="HI4" s="348"/>
      <c r="HJ4" s="348"/>
      <c r="HK4" s="348"/>
      <c r="HL4" s="348"/>
      <c r="HM4" s="348"/>
      <c r="HN4" s="348"/>
      <c r="HO4" s="348"/>
      <c r="HP4" s="348"/>
      <c r="HQ4" s="348"/>
      <c r="HR4" s="4"/>
      <c r="HS4" s="4"/>
      <c r="HT4" s="4"/>
      <c r="HU4" s="4"/>
      <c r="HV4" s="4"/>
      <c r="HW4" s="4"/>
      <c r="HX4" s="4"/>
      <c r="HY4" s="4"/>
      <c r="HZ4" s="4"/>
    </row>
    <row r="5" spans="2:234" ht="10.5" customHeight="1">
      <c r="BV5" s="2"/>
      <c r="BW5" s="2"/>
      <c r="BX5" s="2"/>
      <c r="BY5" s="2"/>
      <c r="BZ5" s="2"/>
      <c r="CA5" s="2"/>
      <c r="CB5" s="2"/>
      <c r="CC5" s="2"/>
      <c r="CD5" s="2"/>
      <c r="CE5" s="2"/>
      <c r="CF5" s="2"/>
      <c r="CG5" s="2"/>
      <c r="CH5" s="2"/>
      <c r="CI5" s="371"/>
      <c r="CJ5" s="371"/>
      <c r="CK5" s="371"/>
      <c r="CL5" s="371"/>
      <c r="CM5" s="371"/>
      <c r="CN5" s="371"/>
      <c r="CO5" s="371"/>
      <c r="CP5" s="371"/>
      <c r="CQ5" s="371"/>
      <c r="CR5" s="371"/>
      <c r="CS5" s="371"/>
      <c r="CT5" s="371"/>
      <c r="CU5" s="371"/>
      <c r="CV5" s="371"/>
      <c r="CW5" s="371"/>
      <c r="CX5" s="371"/>
      <c r="CY5" s="371"/>
      <c r="CZ5" s="371"/>
      <c r="DA5" s="371"/>
      <c r="DB5" s="371"/>
      <c r="DC5" s="371"/>
      <c r="DD5" s="371"/>
      <c r="DE5" s="371"/>
      <c r="DF5" s="371"/>
      <c r="DG5" s="371"/>
      <c r="DH5" s="371"/>
      <c r="DI5" s="371"/>
      <c r="DJ5" s="371"/>
      <c r="DK5" s="371"/>
      <c r="DL5" s="371"/>
      <c r="DM5" s="371"/>
      <c r="DN5" s="371"/>
      <c r="DO5" s="371"/>
      <c r="DP5" s="371"/>
      <c r="DQ5" s="371"/>
      <c r="DR5" s="371"/>
      <c r="DS5" s="371"/>
      <c r="DT5" s="371"/>
      <c r="DU5" s="371"/>
      <c r="DV5" s="371"/>
      <c r="DW5" s="371"/>
      <c r="DX5" s="371"/>
      <c r="DY5" s="371"/>
      <c r="DZ5" s="371"/>
      <c r="EA5" s="371"/>
      <c r="EB5" s="371"/>
      <c r="EC5" s="371"/>
      <c r="ED5" s="371"/>
      <c r="EE5" s="371"/>
      <c r="EF5" s="371"/>
      <c r="EG5" s="371"/>
      <c r="EH5" s="371"/>
      <c r="EI5" s="371"/>
      <c r="EJ5" s="371"/>
      <c r="EK5" s="3"/>
      <c r="EL5" s="3"/>
      <c r="EM5" s="3"/>
      <c r="EN5" s="372" t="s">
        <v>70</v>
      </c>
      <c r="EO5" s="373"/>
      <c r="EP5" s="373"/>
      <c r="EQ5" s="373"/>
      <c r="ER5" s="373"/>
      <c r="ES5" s="373"/>
      <c r="ET5" s="373"/>
      <c r="EU5" s="373"/>
      <c r="EV5" s="373"/>
      <c r="EW5" s="373"/>
      <c r="EX5" s="373"/>
      <c r="EY5" s="373"/>
      <c r="EZ5" s="373"/>
      <c r="FA5" s="373"/>
      <c r="FB5" s="373"/>
      <c r="FC5" s="374"/>
      <c r="FD5" s="381" t="s">
        <v>68</v>
      </c>
      <c r="FE5" s="381"/>
      <c r="FF5" s="381"/>
      <c r="FG5" s="381"/>
      <c r="FH5" s="381"/>
      <c r="FI5" s="381"/>
      <c r="FJ5" s="381"/>
      <c r="FK5" s="398" t="s">
        <v>67</v>
      </c>
      <c r="FL5" s="399"/>
      <c r="FM5" s="400"/>
      <c r="FN5" s="388" t="s">
        <v>62</v>
      </c>
      <c r="FO5" s="389"/>
      <c r="FP5" s="389"/>
      <c r="FQ5" s="390"/>
      <c r="FR5" s="248">
        <v>1</v>
      </c>
      <c r="FS5" s="249"/>
      <c r="FT5" s="249"/>
      <c r="FU5" s="254"/>
      <c r="FV5" s="248">
        <v>2</v>
      </c>
      <c r="FW5" s="249"/>
      <c r="FX5" s="249"/>
      <c r="FY5" s="254"/>
      <c r="FZ5" s="248">
        <v>3</v>
      </c>
      <c r="GA5" s="249"/>
      <c r="GB5" s="249"/>
      <c r="GC5" s="254"/>
      <c r="GD5" s="248">
        <v>4</v>
      </c>
      <c r="GE5" s="249"/>
      <c r="GF5" s="249"/>
      <c r="GG5" s="254"/>
      <c r="GH5" s="248">
        <v>5</v>
      </c>
      <c r="GI5" s="249"/>
      <c r="GJ5" s="249"/>
      <c r="GK5" s="254"/>
      <c r="GL5" s="248">
        <v>6</v>
      </c>
      <c r="GM5" s="249"/>
      <c r="GN5" s="249"/>
      <c r="GO5" s="254"/>
      <c r="GP5" s="248">
        <v>7</v>
      </c>
      <c r="GQ5" s="249"/>
      <c r="GR5" s="249"/>
      <c r="GS5" s="254"/>
      <c r="GT5" s="248">
        <v>8</v>
      </c>
      <c r="GU5" s="249"/>
      <c r="GV5" s="249"/>
      <c r="GW5" s="254"/>
      <c r="GX5" s="248">
        <v>9</v>
      </c>
      <c r="GY5" s="249"/>
      <c r="GZ5" s="249"/>
      <c r="HA5" s="254"/>
      <c r="HB5" s="248">
        <v>1</v>
      </c>
      <c r="HC5" s="249"/>
      <c r="HD5" s="249"/>
      <c r="HE5" s="254"/>
      <c r="HF5" s="248">
        <v>2</v>
      </c>
      <c r="HG5" s="249"/>
      <c r="HH5" s="249"/>
      <c r="HI5" s="254"/>
      <c r="HJ5" s="248">
        <v>3</v>
      </c>
      <c r="HK5" s="249"/>
      <c r="HL5" s="249"/>
      <c r="HM5" s="254"/>
      <c r="HN5" s="248">
        <v>4</v>
      </c>
      <c r="HO5" s="249"/>
      <c r="HP5" s="249"/>
      <c r="HQ5" s="254"/>
      <c r="HR5" s="4"/>
      <c r="HS5" s="4"/>
      <c r="HT5" s="4"/>
      <c r="HU5" s="4"/>
      <c r="HV5" s="4"/>
      <c r="HW5" s="4"/>
      <c r="HX5" s="4"/>
      <c r="HY5" s="4"/>
      <c r="HZ5" s="4"/>
    </row>
    <row r="6" spans="2:234" ht="10.5" customHeight="1">
      <c r="BV6" s="2"/>
      <c r="BW6" s="2"/>
      <c r="BX6" s="2"/>
      <c r="BY6" s="2"/>
      <c r="BZ6" s="2"/>
      <c r="CA6" s="2"/>
      <c r="CB6" s="2"/>
      <c r="CC6" s="2"/>
      <c r="CD6" s="2"/>
      <c r="CE6" s="2"/>
      <c r="CF6" s="2"/>
      <c r="CG6" s="2"/>
      <c r="CH6" s="2"/>
      <c r="CI6" s="371"/>
      <c r="CJ6" s="371"/>
      <c r="CK6" s="371"/>
      <c r="CL6" s="371"/>
      <c r="CM6" s="371"/>
      <c r="CN6" s="371"/>
      <c r="CO6" s="371"/>
      <c r="CP6" s="371"/>
      <c r="CQ6" s="371"/>
      <c r="CR6" s="371"/>
      <c r="CS6" s="371"/>
      <c r="CT6" s="371"/>
      <c r="CU6" s="371"/>
      <c r="CV6" s="371"/>
      <c r="CW6" s="371"/>
      <c r="CX6" s="371"/>
      <c r="CY6" s="371"/>
      <c r="CZ6" s="371"/>
      <c r="DA6" s="371"/>
      <c r="DB6" s="371"/>
      <c r="DC6" s="371"/>
      <c r="DD6" s="371"/>
      <c r="DE6" s="371"/>
      <c r="DF6" s="371"/>
      <c r="DG6" s="371"/>
      <c r="DH6" s="371"/>
      <c r="DI6" s="371"/>
      <c r="DJ6" s="371"/>
      <c r="DK6" s="371"/>
      <c r="DL6" s="371"/>
      <c r="DM6" s="371"/>
      <c r="DN6" s="371"/>
      <c r="DO6" s="371"/>
      <c r="DP6" s="371"/>
      <c r="DQ6" s="371"/>
      <c r="DR6" s="371"/>
      <c r="DS6" s="371"/>
      <c r="DT6" s="371"/>
      <c r="DU6" s="371"/>
      <c r="DV6" s="371"/>
      <c r="DW6" s="371"/>
      <c r="DX6" s="371"/>
      <c r="DY6" s="371"/>
      <c r="DZ6" s="371"/>
      <c r="EA6" s="371"/>
      <c r="EB6" s="371"/>
      <c r="EC6" s="371"/>
      <c r="ED6" s="371"/>
      <c r="EE6" s="371"/>
      <c r="EF6" s="371"/>
      <c r="EG6" s="371"/>
      <c r="EH6" s="371"/>
      <c r="EI6" s="371"/>
      <c r="EJ6" s="371"/>
      <c r="EK6" s="3"/>
      <c r="EL6" s="3"/>
      <c r="EM6" s="3"/>
      <c r="EN6" s="375"/>
      <c r="EO6" s="376"/>
      <c r="EP6" s="376"/>
      <c r="EQ6" s="376"/>
      <c r="ER6" s="376"/>
      <c r="ES6" s="376"/>
      <c r="ET6" s="376"/>
      <c r="EU6" s="376"/>
      <c r="EV6" s="376"/>
      <c r="EW6" s="376"/>
      <c r="EX6" s="376"/>
      <c r="EY6" s="376"/>
      <c r="EZ6" s="376"/>
      <c r="FA6" s="376"/>
      <c r="FB6" s="376"/>
      <c r="FC6" s="377"/>
      <c r="FD6" s="381"/>
      <c r="FE6" s="381"/>
      <c r="FF6" s="381"/>
      <c r="FG6" s="381"/>
      <c r="FH6" s="381"/>
      <c r="FI6" s="381"/>
      <c r="FJ6" s="381"/>
      <c r="FK6" s="401"/>
      <c r="FL6" s="402"/>
      <c r="FM6" s="403"/>
      <c r="FN6" s="391"/>
      <c r="FO6" s="392"/>
      <c r="FP6" s="392"/>
      <c r="FQ6" s="393"/>
      <c r="FR6" s="250"/>
      <c r="FS6" s="251"/>
      <c r="FT6" s="251"/>
      <c r="FU6" s="255"/>
      <c r="FV6" s="250"/>
      <c r="FW6" s="251"/>
      <c r="FX6" s="251"/>
      <c r="FY6" s="255"/>
      <c r="FZ6" s="250"/>
      <c r="GA6" s="251"/>
      <c r="GB6" s="251"/>
      <c r="GC6" s="255"/>
      <c r="GD6" s="250"/>
      <c r="GE6" s="251"/>
      <c r="GF6" s="251"/>
      <c r="GG6" s="255"/>
      <c r="GH6" s="250"/>
      <c r="GI6" s="251"/>
      <c r="GJ6" s="251"/>
      <c r="GK6" s="255"/>
      <c r="GL6" s="250"/>
      <c r="GM6" s="251"/>
      <c r="GN6" s="251"/>
      <c r="GO6" s="255"/>
      <c r="GP6" s="250"/>
      <c r="GQ6" s="251"/>
      <c r="GR6" s="251"/>
      <c r="GS6" s="255"/>
      <c r="GT6" s="250"/>
      <c r="GU6" s="251"/>
      <c r="GV6" s="251"/>
      <c r="GW6" s="255"/>
      <c r="GX6" s="250"/>
      <c r="GY6" s="251"/>
      <c r="GZ6" s="251"/>
      <c r="HA6" s="255"/>
      <c r="HB6" s="250"/>
      <c r="HC6" s="251"/>
      <c r="HD6" s="251"/>
      <c r="HE6" s="255"/>
      <c r="HF6" s="250"/>
      <c r="HG6" s="251"/>
      <c r="HH6" s="251"/>
      <c r="HI6" s="255"/>
      <c r="HJ6" s="250"/>
      <c r="HK6" s="251"/>
      <c r="HL6" s="251"/>
      <c r="HM6" s="255"/>
      <c r="HN6" s="250"/>
      <c r="HO6" s="251"/>
      <c r="HP6" s="251"/>
      <c r="HQ6" s="255"/>
      <c r="HR6" s="4"/>
      <c r="HS6" s="4"/>
      <c r="HT6" s="4"/>
      <c r="HU6" s="4"/>
      <c r="HV6" s="4"/>
      <c r="HW6" s="4"/>
      <c r="HX6" s="4"/>
      <c r="HY6" s="4"/>
      <c r="HZ6" s="4"/>
    </row>
    <row r="7" spans="2:234" ht="10.5" customHeight="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2"/>
      <c r="AP7" s="2"/>
      <c r="AQ7" s="2"/>
      <c r="AR7" s="2"/>
      <c r="AS7" s="2"/>
      <c r="AT7" s="2"/>
      <c r="AU7" s="2"/>
      <c r="AV7" s="2"/>
      <c r="AW7" s="2"/>
      <c r="AX7" s="2"/>
      <c r="AY7" s="2"/>
      <c r="AZ7" s="2"/>
      <c r="BA7" s="2"/>
      <c r="BB7" s="2"/>
      <c r="CF7" s="2"/>
      <c r="CG7" s="2"/>
      <c r="CH7" s="2"/>
      <c r="CI7" s="371"/>
      <c r="CJ7" s="371"/>
      <c r="CK7" s="371"/>
      <c r="CL7" s="371"/>
      <c r="CM7" s="371"/>
      <c r="CN7" s="371"/>
      <c r="CO7" s="371"/>
      <c r="CP7" s="371"/>
      <c r="CQ7" s="371"/>
      <c r="CR7" s="371"/>
      <c r="CS7" s="371"/>
      <c r="CT7" s="371"/>
      <c r="CU7" s="371"/>
      <c r="CV7" s="371"/>
      <c r="CW7" s="371"/>
      <c r="CX7" s="371"/>
      <c r="CY7" s="371"/>
      <c r="CZ7" s="371"/>
      <c r="DA7" s="371"/>
      <c r="DB7" s="371"/>
      <c r="DC7" s="371"/>
      <c r="DD7" s="371"/>
      <c r="DE7" s="371"/>
      <c r="DF7" s="371"/>
      <c r="DG7" s="371"/>
      <c r="DH7" s="371"/>
      <c r="DI7" s="371"/>
      <c r="DJ7" s="371"/>
      <c r="DK7" s="371"/>
      <c r="DL7" s="371"/>
      <c r="DM7" s="371"/>
      <c r="DN7" s="371"/>
      <c r="DO7" s="371"/>
      <c r="DP7" s="371"/>
      <c r="DQ7" s="371"/>
      <c r="DR7" s="371"/>
      <c r="DS7" s="371"/>
      <c r="DT7" s="371"/>
      <c r="DU7" s="371"/>
      <c r="DV7" s="371"/>
      <c r="DW7" s="371"/>
      <c r="DX7" s="371"/>
      <c r="DY7" s="371"/>
      <c r="DZ7" s="371"/>
      <c r="EA7" s="371"/>
      <c r="EB7" s="371"/>
      <c r="EC7" s="371"/>
      <c r="ED7" s="371"/>
      <c r="EE7" s="371"/>
      <c r="EF7" s="371"/>
      <c r="EG7" s="371"/>
      <c r="EH7" s="371"/>
      <c r="EI7" s="371"/>
      <c r="EJ7" s="371"/>
      <c r="EK7" s="3"/>
      <c r="EL7" s="3"/>
      <c r="EM7" s="3"/>
      <c r="EN7" s="375"/>
      <c r="EO7" s="376"/>
      <c r="EP7" s="376"/>
      <c r="EQ7" s="376"/>
      <c r="ER7" s="376"/>
      <c r="ES7" s="376"/>
      <c r="ET7" s="376"/>
      <c r="EU7" s="376"/>
      <c r="EV7" s="376"/>
      <c r="EW7" s="376"/>
      <c r="EX7" s="376"/>
      <c r="EY7" s="376"/>
      <c r="EZ7" s="376"/>
      <c r="FA7" s="376"/>
      <c r="FB7" s="376"/>
      <c r="FC7" s="377"/>
      <c r="FD7" s="381" t="s">
        <v>69</v>
      </c>
      <c r="FE7" s="381"/>
      <c r="FF7" s="381"/>
      <c r="FG7" s="381"/>
      <c r="FH7" s="381"/>
      <c r="FI7" s="381"/>
      <c r="FJ7" s="381"/>
      <c r="FK7" s="382" t="s">
        <v>82</v>
      </c>
      <c r="FL7" s="383"/>
      <c r="FM7" s="384"/>
      <c r="FN7" s="391"/>
      <c r="FO7" s="392"/>
      <c r="FP7" s="392"/>
      <c r="FQ7" s="393"/>
      <c r="FR7" s="250"/>
      <c r="FS7" s="251"/>
      <c r="FT7" s="251"/>
      <c r="FU7" s="255"/>
      <c r="FV7" s="250"/>
      <c r="FW7" s="251"/>
      <c r="FX7" s="251"/>
      <c r="FY7" s="255"/>
      <c r="FZ7" s="250"/>
      <c r="GA7" s="251"/>
      <c r="GB7" s="251"/>
      <c r="GC7" s="255"/>
      <c r="GD7" s="250"/>
      <c r="GE7" s="251"/>
      <c r="GF7" s="251"/>
      <c r="GG7" s="255"/>
      <c r="GH7" s="250"/>
      <c r="GI7" s="251"/>
      <c r="GJ7" s="251"/>
      <c r="GK7" s="255"/>
      <c r="GL7" s="250"/>
      <c r="GM7" s="251"/>
      <c r="GN7" s="251"/>
      <c r="GO7" s="255"/>
      <c r="GP7" s="250"/>
      <c r="GQ7" s="251"/>
      <c r="GR7" s="251"/>
      <c r="GS7" s="255"/>
      <c r="GT7" s="250"/>
      <c r="GU7" s="251"/>
      <c r="GV7" s="251"/>
      <c r="GW7" s="255"/>
      <c r="GX7" s="250"/>
      <c r="GY7" s="251"/>
      <c r="GZ7" s="251"/>
      <c r="HA7" s="255"/>
      <c r="HB7" s="250"/>
      <c r="HC7" s="251"/>
      <c r="HD7" s="251"/>
      <c r="HE7" s="255"/>
      <c r="HF7" s="250"/>
      <c r="HG7" s="251"/>
      <c r="HH7" s="251"/>
      <c r="HI7" s="255"/>
      <c r="HJ7" s="250"/>
      <c r="HK7" s="251"/>
      <c r="HL7" s="251"/>
      <c r="HM7" s="255"/>
      <c r="HN7" s="250"/>
      <c r="HO7" s="251"/>
      <c r="HP7" s="251"/>
      <c r="HQ7" s="255"/>
      <c r="HR7" s="4"/>
      <c r="HS7" s="4"/>
      <c r="HT7" s="4"/>
      <c r="HU7" s="4"/>
      <c r="HV7" s="4"/>
      <c r="HW7" s="4"/>
      <c r="HX7" s="4"/>
      <c r="HY7" s="4"/>
      <c r="HZ7" s="4"/>
    </row>
    <row r="8" spans="2:234" ht="10.5" customHeight="1">
      <c r="B8" s="2"/>
      <c r="C8" s="367" t="s">
        <v>61</v>
      </c>
      <c r="D8" s="367"/>
      <c r="E8" s="367"/>
      <c r="F8" s="367"/>
      <c r="G8" s="367"/>
      <c r="H8" s="367"/>
      <c r="I8" s="367"/>
      <c r="J8" s="367"/>
      <c r="K8" s="367"/>
      <c r="L8" s="367"/>
      <c r="M8" s="367"/>
      <c r="N8" s="367"/>
      <c r="O8" s="367"/>
      <c r="P8" s="367"/>
      <c r="Q8" s="367"/>
      <c r="R8" s="367"/>
      <c r="S8" s="367"/>
      <c r="T8" s="367"/>
      <c r="U8" s="367"/>
      <c r="V8" s="367"/>
      <c r="W8" s="367"/>
      <c r="X8" s="367"/>
      <c r="Y8" s="367"/>
      <c r="Z8" s="367"/>
      <c r="AA8" s="367"/>
      <c r="AB8" s="367"/>
      <c r="AC8" s="367"/>
      <c r="AD8" s="367"/>
      <c r="AE8" s="367"/>
      <c r="AF8" s="367"/>
      <c r="AG8" s="367"/>
      <c r="AH8" s="367"/>
      <c r="AI8" s="367"/>
      <c r="AJ8" s="367"/>
      <c r="AK8" s="367"/>
      <c r="AL8" s="367"/>
      <c r="AM8" s="367"/>
      <c r="AN8" s="367"/>
      <c r="AO8" s="367"/>
      <c r="AP8" s="367"/>
      <c r="AQ8" s="367"/>
      <c r="AR8" s="367"/>
      <c r="AS8" s="367"/>
      <c r="AT8" s="367"/>
      <c r="AU8" s="367"/>
      <c r="AV8" s="367"/>
      <c r="AW8" s="367"/>
      <c r="AX8" s="367"/>
      <c r="AY8" s="367"/>
      <c r="AZ8" s="367"/>
      <c r="BA8" s="367"/>
      <c r="BB8" s="367"/>
      <c r="BC8" s="367"/>
      <c r="BD8" s="2"/>
      <c r="BE8" s="2"/>
      <c r="BF8" s="2"/>
      <c r="BG8" s="2"/>
      <c r="CI8" s="371"/>
      <c r="CJ8" s="371"/>
      <c r="CK8" s="371"/>
      <c r="CL8" s="371"/>
      <c r="CM8" s="371"/>
      <c r="CN8" s="371"/>
      <c r="CO8" s="371"/>
      <c r="CP8" s="371"/>
      <c r="CQ8" s="371"/>
      <c r="CR8" s="371"/>
      <c r="CS8" s="371"/>
      <c r="CT8" s="371"/>
      <c r="CU8" s="371"/>
      <c r="CV8" s="371"/>
      <c r="CW8" s="371"/>
      <c r="CX8" s="371"/>
      <c r="CY8" s="371"/>
      <c r="CZ8" s="371"/>
      <c r="DA8" s="371"/>
      <c r="DB8" s="371"/>
      <c r="DC8" s="371"/>
      <c r="DD8" s="371"/>
      <c r="DE8" s="371"/>
      <c r="DF8" s="371"/>
      <c r="DG8" s="371"/>
      <c r="DH8" s="371"/>
      <c r="DI8" s="371"/>
      <c r="DJ8" s="371"/>
      <c r="DK8" s="371"/>
      <c r="DL8" s="371"/>
      <c r="DM8" s="371"/>
      <c r="DN8" s="371"/>
      <c r="DO8" s="371"/>
      <c r="DP8" s="371"/>
      <c r="DQ8" s="371"/>
      <c r="DR8" s="371"/>
      <c r="DS8" s="371"/>
      <c r="DT8" s="371"/>
      <c r="DU8" s="371"/>
      <c r="DV8" s="371"/>
      <c r="DW8" s="371"/>
      <c r="DX8" s="371"/>
      <c r="DY8" s="371"/>
      <c r="DZ8" s="371"/>
      <c r="EA8" s="371"/>
      <c r="EB8" s="371"/>
      <c r="EC8" s="371"/>
      <c r="ED8" s="371"/>
      <c r="EE8" s="371"/>
      <c r="EF8" s="371"/>
      <c r="EG8" s="371"/>
      <c r="EH8" s="371"/>
      <c r="EI8" s="371"/>
      <c r="EJ8" s="371"/>
      <c r="EK8" s="3"/>
      <c r="EL8" s="3"/>
      <c r="EM8" s="3"/>
      <c r="EN8" s="378"/>
      <c r="EO8" s="379"/>
      <c r="EP8" s="379"/>
      <c r="EQ8" s="379"/>
      <c r="ER8" s="379"/>
      <c r="ES8" s="379"/>
      <c r="ET8" s="379"/>
      <c r="EU8" s="379"/>
      <c r="EV8" s="379"/>
      <c r="EW8" s="379"/>
      <c r="EX8" s="379"/>
      <c r="EY8" s="379"/>
      <c r="EZ8" s="379"/>
      <c r="FA8" s="379"/>
      <c r="FB8" s="379"/>
      <c r="FC8" s="380"/>
      <c r="FD8" s="381"/>
      <c r="FE8" s="381"/>
      <c r="FF8" s="381"/>
      <c r="FG8" s="381"/>
      <c r="FH8" s="381"/>
      <c r="FI8" s="381"/>
      <c r="FJ8" s="381"/>
      <c r="FK8" s="385"/>
      <c r="FL8" s="386"/>
      <c r="FM8" s="387"/>
      <c r="FN8" s="394"/>
      <c r="FO8" s="395"/>
      <c r="FP8" s="395"/>
      <c r="FQ8" s="396"/>
      <c r="FR8" s="252"/>
      <c r="FS8" s="253"/>
      <c r="FT8" s="253"/>
      <c r="FU8" s="256"/>
      <c r="FV8" s="252"/>
      <c r="FW8" s="253"/>
      <c r="FX8" s="253"/>
      <c r="FY8" s="256"/>
      <c r="FZ8" s="252"/>
      <c r="GA8" s="253"/>
      <c r="GB8" s="253"/>
      <c r="GC8" s="256"/>
      <c r="GD8" s="252"/>
      <c r="GE8" s="253"/>
      <c r="GF8" s="253"/>
      <c r="GG8" s="256"/>
      <c r="GH8" s="252"/>
      <c r="GI8" s="253"/>
      <c r="GJ8" s="253"/>
      <c r="GK8" s="256"/>
      <c r="GL8" s="252"/>
      <c r="GM8" s="253"/>
      <c r="GN8" s="253"/>
      <c r="GO8" s="256"/>
      <c r="GP8" s="252"/>
      <c r="GQ8" s="253"/>
      <c r="GR8" s="253"/>
      <c r="GS8" s="256"/>
      <c r="GT8" s="252"/>
      <c r="GU8" s="253"/>
      <c r="GV8" s="253"/>
      <c r="GW8" s="256"/>
      <c r="GX8" s="252"/>
      <c r="GY8" s="253"/>
      <c r="GZ8" s="253"/>
      <c r="HA8" s="256"/>
      <c r="HB8" s="252"/>
      <c r="HC8" s="253"/>
      <c r="HD8" s="253"/>
      <c r="HE8" s="256"/>
      <c r="HF8" s="252"/>
      <c r="HG8" s="253"/>
      <c r="HH8" s="253"/>
      <c r="HI8" s="256"/>
      <c r="HJ8" s="252"/>
      <c r="HK8" s="253"/>
      <c r="HL8" s="253"/>
      <c r="HM8" s="256"/>
      <c r="HN8" s="252"/>
      <c r="HO8" s="253"/>
      <c r="HP8" s="253"/>
      <c r="HQ8" s="256"/>
      <c r="HR8" s="4"/>
      <c r="HS8" s="4"/>
      <c r="HT8" s="4"/>
      <c r="HU8" s="4"/>
      <c r="HV8" s="4"/>
      <c r="HW8" s="4"/>
      <c r="HX8" s="4"/>
      <c r="HY8" s="4"/>
      <c r="HZ8" s="4"/>
    </row>
    <row r="9" spans="2:234" ht="6" customHeight="1">
      <c r="B9" s="2"/>
      <c r="C9" s="367"/>
      <c r="D9" s="367"/>
      <c r="E9" s="367"/>
      <c r="F9" s="367"/>
      <c r="G9" s="367"/>
      <c r="H9" s="367"/>
      <c r="I9" s="367"/>
      <c r="J9" s="367"/>
      <c r="K9" s="367"/>
      <c r="L9" s="367"/>
      <c r="M9" s="367"/>
      <c r="N9" s="367"/>
      <c r="O9" s="367"/>
      <c r="P9" s="367"/>
      <c r="Q9" s="367"/>
      <c r="R9" s="367"/>
      <c r="S9" s="367"/>
      <c r="T9" s="367"/>
      <c r="U9" s="367"/>
      <c r="V9" s="367"/>
      <c r="W9" s="367"/>
      <c r="X9" s="367"/>
      <c r="Y9" s="367"/>
      <c r="Z9" s="367"/>
      <c r="AA9" s="367"/>
      <c r="AB9" s="367"/>
      <c r="AC9" s="367"/>
      <c r="AD9" s="367"/>
      <c r="AE9" s="367"/>
      <c r="AF9" s="367"/>
      <c r="AG9" s="367"/>
      <c r="AH9" s="367"/>
      <c r="AI9" s="367"/>
      <c r="AJ9" s="367"/>
      <c r="AK9" s="367"/>
      <c r="AL9" s="367"/>
      <c r="AM9" s="367"/>
      <c r="AN9" s="367"/>
      <c r="AO9" s="367"/>
      <c r="AP9" s="367"/>
      <c r="AQ9" s="367"/>
      <c r="AR9" s="367"/>
      <c r="AS9" s="367"/>
      <c r="AT9" s="367"/>
      <c r="AU9" s="367"/>
      <c r="AV9" s="367"/>
      <c r="AW9" s="367"/>
      <c r="AX9" s="367"/>
      <c r="AY9" s="367"/>
      <c r="AZ9" s="367"/>
      <c r="BA9" s="367"/>
      <c r="BB9" s="367"/>
      <c r="BC9" s="367"/>
      <c r="BD9" s="2"/>
      <c r="BE9" s="2"/>
      <c r="BF9" s="2"/>
      <c r="BG9" s="2"/>
      <c r="BH9" s="2"/>
      <c r="BI9" s="2"/>
      <c r="BJ9" s="2"/>
      <c r="BK9" s="2"/>
      <c r="BL9" s="2"/>
      <c r="CK9" s="2"/>
      <c r="CL9" s="2"/>
      <c r="CM9" s="60"/>
      <c r="CN9" s="60"/>
      <c r="CO9" s="60"/>
      <c r="CP9" s="60"/>
      <c r="CQ9" s="60"/>
      <c r="CR9" s="60"/>
      <c r="CS9" s="60"/>
      <c r="CT9" s="60"/>
      <c r="CU9" s="60"/>
      <c r="CV9" s="60"/>
      <c r="CW9" s="60"/>
      <c r="CX9" s="60"/>
      <c r="CY9" s="60"/>
      <c r="CZ9" s="2"/>
      <c r="DA9" s="2"/>
      <c r="DB9" s="61"/>
      <c r="DC9" s="61"/>
      <c r="DD9" s="61"/>
      <c r="DE9" s="61"/>
      <c r="DF9" s="61"/>
      <c r="DG9" s="61"/>
      <c r="DH9" s="61"/>
      <c r="DI9" s="61"/>
      <c r="DJ9" s="61"/>
      <c r="DK9" s="61"/>
      <c r="DL9" s="61"/>
      <c r="DM9" s="61"/>
      <c r="DN9" s="61"/>
      <c r="DO9" s="61"/>
      <c r="DP9" s="61"/>
      <c r="DQ9" s="61"/>
      <c r="DR9" s="61"/>
      <c r="DS9" s="61"/>
      <c r="DT9" s="61"/>
      <c r="DU9" s="61"/>
      <c r="DV9" s="61"/>
      <c r="DW9" s="61"/>
      <c r="DX9" s="61"/>
      <c r="DY9" s="61"/>
      <c r="DZ9" s="61"/>
      <c r="EA9" s="61"/>
      <c r="EB9" s="61"/>
      <c r="EC9" s="61"/>
      <c r="ED9" s="61"/>
      <c r="EE9" s="61"/>
      <c r="EF9" s="61"/>
      <c r="EG9" s="61"/>
      <c r="EH9" s="61"/>
      <c r="EI9" s="61"/>
      <c r="EJ9" s="61"/>
      <c r="EK9" s="3"/>
      <c r="EL9" s="3"/>
      <c r="EM9" s="3"/>
      <c r="EN9" s="12"/>
      <c r="EO9" s="3"/>
      <c r="EP9" s="333" t="s">
        <v>0</v>
      </c>
      <c r="EQ9" s="333"/>
      <c r="ER9" s="333"/>
      <c r="ES9" s="333"/>
      <c r="ET9" s="333"/>
      <c r="EU9" s="333"/>
      <c r="EV9" s="333"/>
      <c r="EW9" s="333"/>
      <c r="EX9" s="333"/>
      <c r="EY9" s="333"/>
      <c r="EZ9" s="333"/>
      <c r="FA9" s="333"/>
      <c r="FB9" s="333"/>
      <c r="FC9" s="13"/>
      <c r="FD9" s="13"/>
      <c r="FE9" s="13"/>
      <c r="FF9" s="368" t="s">
        <v>74</v>
      </c>
      <c r="FG9" s="368"/>
      <c r="FH9" s="368"/>
      <c r="FI9" s="368"/>
      <c r="FJ9" s="368"/>
      <c r="FK9" s="368"/>
      <c r="FL9" s="368"/>
      <c r="FM9" s="368"/>
      <c r="FN9" s="368"/>
      <c r="FO9" s="368"/>
      <c r="FP9" s="368"/>
      <c r="FQ9" s="368"/>
      <c r="FR9" s="368"/>
      <c r="FS9" s="368"/>
      <c r="FT9" s="368"/>
      <c r="FU9" s="368"/>
      <c r="FV9" s="368"/>
      <c r="FW9" s="368"/>
      <c r="FX9" s="368"/>
      <c r="FY9" s="368"/>
      <c r="FZ9" s="368"/>
      <c r="GA9" s="368"/>
      <c r="GB9" s="368"/>
      <c r="GC9" s="368"/>
      <c r="GD9" s="368"/>
      <c r="GE9" s="368"/>
      <c r="GF9" s="368"/>
      <c r="GG9" s="368"/>
      <c r="GH9" s="368"/>
      <c r="GI9" s="368"/>
      <c r="GJ9" s="368"/>
      <c r="GK9" s="368"/>
      <c r="GL9" s="368"/>
      <c r="GM9" s="368"/>
      <c r="GN9" s="368"/>
      <c r="GO9" s="369"/>
      <c r="GP9" s="369"/>
      <c r="GQ9" s="369"/>
      <c r="GR9" s="369"/>
      <c r="GS9" s="369"/>
      <c r="GT9" s="369"/>
      <c r="GU9" s="369"/>
      <c r="GV9" s="369"/>
      <c r="GW9" s="369"/>
      <c r="GX9" s="369"/>
      <c r="GY9" s="369"/>
      <c r="GZ9" s="369"/>
      <c r="HA9" s="369"/>
      <c r="HB9" s="369"/>
      <c r="HC9" s="369"/>
      <c r="HD9" s="369"/>
      <c r="HE9" s="369"/>
      <c r="HF9" s="7"/>
      <c r="HG9" s="7"/>
      <c r="HH9" s="8"/>
      <c r="HI9" s="8"/>
      <c r="HJ9" s="8"/>
      <c r="HK9" s="8"/>
      <c r="HL9" s="6"/>
      <c r="HM9" s="6"/>
      <c r="HN9" s="9"/>
      <c r="HO9" s="9"/>
      <c r="HP9" s="9"/>
      <c r="HQ9" s="10"/>
    </row>
    <row r="10" spans="2:234" ht="6" customHeight="1">
      <c r="C10" s="367"/>
      <c r="D10" s="367"/>
      <c r="E10" s="367"/>
      <c r="F10" s="367"/>
      <c r="G10" s="367"/>
      <c r="H10" s="367"/>
      <c r="I10" s="367"/>
      <c r="J10" s="367"/>
      <c r="K10" s="367"/>
      <c r="L10" s="367"/>
      <c r="M10" s="367"/>
      <c r="N10" s="367"/>
      <c r="O10" s="367"/>
      <c r="P10" s="367"/>
      <c r="Q10" s="367"/>
      <c r="R10" s="367"/>
      <c r="S10" s="367"/>
      <c r="T10" s="367"/>
      <c r="U10" s="367"/>
      <c r="V10" s="367"/>
      <c r="W10" s="367"/>
      <c r="X10" s="367"/>
      <c r="Y10" s="367"/>
      <c r="Z10" s="367"/>
      <c r="AA10" s="367"/>
      <c r="AB10" s="367"/>
      <c r="AC10" s="367"/>
      <c r="AD10" s="367"/>
      <c r="AE10" s="367"/>
      <c r="AF10" s="367"/>
      <c r="AG10" s="367"/>
      <c r="AH10" s="367"/>
      <c r="AI10" s="367"/>
      <c r="AJ10" s="367"/>
      <c r="AK10" s="367"/>
      <c r="AL10" s="367"/>
      <c r="AM10" s="367"/>
      <c r="AN10" s="367"/>
      <c r="AO10" s="367"/>
      <c r="AP10" s="367"/>
      <c r="AQ10" s="367"/>
      <c r="AR10" s="367"/>
      <c r="AS10" s="367"/>
      <c r="AT10" s="367"/>
      <c r="AU10" s="367"/>
      <c r="AV10" s="367"/>
      <c r="AW10" s="367"/>
      <c r="AX10" s="367"/>
      <c r="AY10" s="367"/>
      <c r="AZ10" s="367"/>
      <c r="BA10" s="367"/>
      <c r="BB10" s="367"/>
      <c r="BC10" s="367"/>
      <c r="BD10" s="11"/>
      <c r="BE10" s="11"/>
      <c r="BF10" s="370" t="s">
        <v>1</v>
      </c>
      <c r="BG10" s="370"/>
      <c r="BH10" s="370"/>
      <c r="BI10" s="370"/>
      <c r="BJ10" s="370"/>
      <c r="BK10" s="370"/>
      <c r="BL10" s="370"/>
      <c r="BM10" s="370"/>
      <c r="BN10" s="11"/>
      <c r="BO10" s="2"/>
      <c r="BP10" s="2"/>
      <c r="CK10" s="2"/>
      <c r="CL10" s="2"/>
      <c r="CM10" s="60"/>
      <c r="CN10" s="60"/>
      <c r="CO10" s="60"/>
      <c r="CP10" s="60"/>
      <c r="CQ10" s="60"/>
      <c r="CR10" s="60"/>
      <c r="CS10" s="60"/>
      <c r="CT10" s="60"/>
      <c r="CU10" s="60"/>
      <c r="CV10" s="60"/>
      <c r="CW10" s="60"/>
      <c r="CX10" s="60"/>
      <c r="CY10" s="60"/>
      <c r="CZ10" s="2"/>
      <c r="DA10" s="2"/>
      <c r="DB10" s="61"/>
      <c r="DC10" s="61"/>
      <c r="DD10" s="61"/>
      <c r="DE10" s="61"/>
      <c r="DF10" s="61"/>
      <c r="DG10" s="61"/>
      <c r="DH10" s="61"/>
      <c r="DI10" s="61"/>
      <c r="DJ10" s="61"/>
      <c r="DK10" s="61"/>
      <c r="DL10" s="61"/>
      <c r="DM10" s="61"/>
      <c r="DN10" s="61"/>
      <c r="DO10" s="61"/>
      <c r="DP10" s="61"/>
      <c r="DQ10" s="61"/>
      <c r="DR10" s="61"/>
      <c r="DS10" s="61"/>
      <c r="DT10" s="61"/>
      <c r="DU10" s="61"/>
      <c r="DV10" s="61"/>
      <c r="DW10" s="61"/>
      <c r="DX10" s="61"/>
      <c r="DY10" s="61"/>
      <c r="DZ10" s="61"/>
      <c r="EA10" s="61"/>
      <c r="EB10" s="61"/>
      <c r="EC10" s="61"/>
      <c r="ED10" s="61"/>
      <c r="EE10" s="61"/>
      <c r="EF10" s="61"/>
      <c r="EG10" s="61"/>
      <c r="EH10" s="61"/>
      <c r="EI10" s="61"/>
      <c r="EJ10" s="61"/>
      <c r="EK10" s="2"/>
      <c r="EL10" s="2"/>
      <c r="EM10" s="2"/>
      <c r="EN10" s="12"/>
      <c r="EO10" s="3"/>
      <c r="EP10" s="333"/>
      <c r="EQ10" s="333"/>
      <c r="ER10" s="333"/>
      <c r="ES10" s="333"/>
      <c r="ET10" s="333"/>
      <c r="EU10" s="333"/>
      <c r="EV10" s="333"/>
      <c r="EW10" s="333"/>
      <c r="EX10" s="333"/>
      <c r="EY10" s="333"/>
      <c r="EZ10" s="333"/>
      <c r="FA10" s="333"/>
      <c r="FB10" s="333"/>
      <c r="FC10" s="13"/>
      <c r="FD10" s="13"/>
      <c r="FE10" s="13"/>
      <c r="FF10" s="368"/>
      <c r="FG10" s="368"/>
      <c r="FH10" s="368"/>
      <c r="FI10" s="368"/>
      <c r="FJ10" s="368"/>
      <c r="FK10" s="368"/>
      <c r="FL10" s="368"/>
      <c r="FM10" s="368"/>
      <c r="FN10" s="368"/>
      <c r="FO10" s="368"/>
      <c r="FP10" s="368"/>
      <c r="FQ10" s="368"/>
      <c r="FR10" s="368"/>
      <c r="FS10" s="368"/>
      <c r="FT10" s="368"/>
      <c r="FU10" s="368"/>
      <c r="FV10" s="368"/>
      <c r="FW10" s="368"/>
      <c r="FX10" s="368"/>
      <c r="FY10" s="368"/>
      <c r="FZ10" s="368"/>
      <c r="GA10" s="368"/>
      <c r="GB10" s="368"/>
      <c r="GC10" s="368"/>
      <c r="GD10" s="368"/>
      <c r="GE10" s="368"/>
      <c r="GF10" s="368"/>
      <c r="GG10" s="368"/>
      <c r="GH10" s="368"/>
      <c r="GI10" s="368"/>
      <c r="GJ10" s="368"/>
      <c r="GK10" s="368"/>
      <c r="GL10" s="368"/>
      <c r="GM10" s="368"/>
      <c r="GN10" s="368"/>
      <c r="GO10" s="368"/>
      <c r="GP10" s="368"/>
      <c r="GQ10" s="368"/>
      <c r="GR10" s="368"/>
      <c r="GS10" s="368"/>
      <c r="GT10" s="368"/>
      <c r="GU10" s="368"/>
      <c r="GV10" s="368"/>
      <c r="GW10" s="368"/>
      <c r="GX10" s="368"/>
      <c r="GY10" s="368"/>
      <c r="GZ10" s="368"/>
      <c r="HA10" s="368"/>
      <c r="HB10" s="368"/>
      <c r="HC10" s="368"/>
      <c r="HD10" s="368"/>
      <c r="HE10" s="368"/>
      <c r="HH10" s="14"/>
      <c r="HI10" s="14"/>
      <c r="HJ10" s="14"/>
      <c r="HK10" s="14"/>
      <c r="HL10" s="3"/>
      <c r="HM10" s="3"/>
      <c r="HN10" s="2"/>
      <c r="HO10" s="2"/>
      <c r="HP10" s="2"/>
      <c r="HQ10" s="15"/>
    </row>
    <row r="11" spans="2:234" ht="6" customHeight="1">
      <c r="B11" s="2"/>
      <c r="C11" s="367"/>
      <c r="D11" s="367"/>
      <c r="E11" s="367"/>
      <c r="F11" s="367"/>
      <c r="G11" s="367"/>
      <c r="H11" s="367"/>
      <c r="I11" s="367"/>
      <c r="J11" s="367"/>
      <c r="K11" s="367"/>
      <c r="L11" s="367"/>
      <c r="M11" s="367"/>
      <c r="N11" s="367"/>
      <c r="O11" s="367"/>
      <c r="P11" s="367"/>
      <c r="Q11" s="367"/>
      <c r="R11" s="367"/>
      <c r="S11" s="367"/>
      <c r="T11" s="367"/>
      <c r="U11" s="367"/>
      <c r="V11" s="367"/>
      <c r="W11" s="367"/>
      <c r="X11" s="367"/>
      <c r="Y11" s="367"/>
      <c r="Z11" s="367"/>
      <c r="AA11" s="367"/>
      <c r="AB11" s="367"/>
      <c r="AC11" s="367"/>
      <c r="AD11" s="367"/>
      <c r="AE11" s="367"/>
      <c r="AF11" s="367"/>
      <c r="AG11" s="367"/>
      <c r="AH11" s="367"/>
      <c r="AI11" s="367"/>
      <c r="AJ11" s="367"/>
      <c r="AK11" s="367"/>
      <c r="AL11" s="367"/>
      <c r="AM11" s="367"/>
      <c r="AN11" s="367"/>
      <c r="AO11" s="367"/>
      <c r="AP11" s="367"/>
      <c r="AQ11" s="367"/>
      <c r="AR11" s="367"/>
      <c r="AS11" s="367"/>
      <c r="AT11" s="367"/>
      <c r="AU11" s="367"/>
      <c r="AV11" s="367"/>
      <c r="AW11" s="367"/>
      <c r="AX11" s="367"/>
      <c r="AY11" s="367"/>
      <c r="AZ11" s="367"/>
      <c r="BA11" s="367"/>
      <c r="BB11" s="367"/>
      <c r="BC11" s="367"/>
      <c r="BD11" s="11"/>
      <c r="BE11" s="11"/>
      <c r="BF11" s="370"/>
      <c r="BG11" s="370"/>
      <c r="BH11" s="370"/>
      <c r="BI11" s="370"/>
      <c r="BJ11" s="370"/>
      <c r="BK11" s="370"/>
      <c r="BL11" s="370"/>
      <c r="BM11" s="370"/>
      <c r="BN11" s="11"/>
      <c r="BO11" s="16"/>
      <c r="BP11" s="16"/>
      <c r="CN11" s="16"/>
      <c r="CO11" s="16"/>
      <c r="CP11" s="16"/>
      <c r="CQ11" s="16"/>
      <c r="CR11" s="16"/>
      <c r="CS11" s="16"/>
      <c r="CT11" s="16"/>
      <c r="CU11" s="16"/>
      <c r="CV11" s="16"/>
      <c r="CW11" s="16"/>
      <c r="CX11" s="16"/>
      <c r="CY11" s="16"/>
      <c r="CZ11" s="16"/>
      <c r="DA11" s="16"/>
      <c r="DB11" s="16"/>
      <c r="DC11" s="16"/>
      <c r="DD11" s="16"/>
      <c r="DE11" s="16"/>
      <c r="DF11" s="16"/>
      <c r="DG11" s="16"/>
      <c r="DH11" s="16"/>
      <c r="DI11" s="16"/>
      <c r="DJ11" s="16"/>
      <c r="DK11" s="16"/>
      <c r="DL11" s="16"/>
      <c r="DM11" s="16"/>
      <c r="DN11" s="16"/>
      <c r="DO11" s="16"/>
      <c r="DP11" s="16"/>
      <c r="DQ11" s="16"/>
      <c r="DR11" s="16"/>
      <c r="DS11" s="16"/>
      <c r="DT11" s="16"/>
      <c r="DU11" s="16"/>
      <c r="DV11" s="16"/>
      <c r="DW11" s="16"/>
      <c r="DX11" s="16"/>
      <c r="DY11" s="16"/>
      <c r="DZ11" s="3"/>
      <c r="EA11" s="3"/>
      <c r="EB11" s="3"/>
      <c r="EC11" s="3"/>
      <c r="ED11" s="3"/>
      <c r="EE11" s="3"/>
      <c r="EF11" s="3"/>
      <c r="EG11" s="3"/>
      <c r="EH11" s="3"/>
      <c r="EI11" s="2"/>
      <c r="EJ11" s="2"/>
      <c r="EK11" s="2"/>
      <c r="EL11" s="2"/>
      <c r="EM11" s="2"/>
      <c r="EN11" s="12"/>
      <c r="EO11" s="3"/>
      <c r="EP11" s="333"/>
      <c r="EQ11" s="333"/>
      <c r="ER11" s="333"/>
      <c r="ES11" s="333"/>
      <c r="ET11" s="333"/>
      <c r="EU11" s="333"/>
      <c r="EV11" s="333"/>
      <c r="EW11" s="333"/>
      <c r="EX11" s="333"/>
      <c r="EY11" s="333"/>
      <c r="EZ11" s="333"/>
      <c r="FA11" s="333"/>
      <c r="FB11" s="333"/>
      <c r="FC11" s="13"/>
      <c r="FD11" s="13"/>
      <c r="FE11" s="13"/>
      <c r="FF11" s="368"/>
      <c r="FG11" s="368"/>
      <c r="FH11" s="368"/>
      <c r="FI11" s="368"/>
      <c r="FJ11" s="368"/>
      <c r="FK11" s="368"/>
      <c r="FL11" s="368"/>
      <c r="FM11" s="368"/>
      <c r="FN11" s="368"/>
      <c r="FO11" s="368"/>
      <c r="FP11" s="368"/>
      <c r="FQ11" s="368"/>
      <c r="FR11" s="368"/>
      <c r="FS11" s="368"/>
      <c r="FT11" s="368"/>
      <c r="FU11" s="368"/>
      <c r="FV11" s="368"/>
      <c r="FW11" s="368"/>
      <c r="FX11" s="368"/>
      <c r="FY11" s="368"/>
      <c r="FZ11" s="368"/>
      <c r="GA11" s="368"/>
      <c r="GB11" s="368"/>
      <c r="GC11" s="368"/>
      <c r="GD11" s="368"/>
      <c r="GE11" s="368"/>
      <c r="GF11" s="368"/>
      <c r="GG11" s="368"/>
      <c r="GH11" s="368"/>
      <c r="GI11" s="368"/>
      <c r="GJ11" s="368"/>
      <c r="GK11" s="368"/>
      <c r="GL11" s="368"/>
      <c r="GM11" s="368"/>
      <c r="GN11" s="368"/>
      <c r="GO11" s="368"/>
      <c r="GP11" s="368"/>
      <c r="GQ11" s="368"/>
      <c r="GR11" s="368"/>
      <c r="GS11" s="368"/>
      <c r="GT11" s="368"/>
      <c r="GU11" s="368"/>
      <c r="GV11" s="368"/>
      <c r="GW11" s="368"/>
      <c r="GX11" s="368"/>
      <c r="GY11" s="368"/>
      <c r="GZ11" s="368"/>
      <c r="HA11" s="368"/>
      <c r="HB11" s="368"/>
      <c r="HC11" s="368"/>
      <c r="HD11" s="368"/>
      <c r="HE11" s="368"/>
      <c r="HH11" s="14"/>
      <c r="HI11" s="14"/>
      <c r="HJ11" s="14"/>
      <c r="HK11" s="14"/>
      <c r="HL11" s="3"/>
      <c r="HM11" s="3"/>
      <c r="HN11" s="2"/>
      <c r="HO11" s="2"/>
      <c r="HP11" s="2"/>
      <c r="HQ11" s="15"/>
    </row>
    <row r="12" spans="2:234" ht="6" customHeight="1">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BE12" s="17"/>
      <c r="BF12" s="17"/>
      <c r="BG12" s="17"/>
      <c r="BH12" s="17"/>
      <c r="BI12" s="17"/>
      <c r="BJ12" s="17"/>
      <c r="BK12" s="17"/>
      <c r="BL12" s="17"/>
      <c r="BM12" s="17"/>
      <c r="BN12" s="17"/>
      <c r="BO12" s="16"/>
      <c r="BP12" s="16"/>
      <c r="BQ12" s="16"/>
      <c r="BR12" s="16"/>
      <c r="BS12" s="16"/>
      <c r="BT12" s="16"/>
      <c r="BU12" s="16"/>
      <c r="BV12" s="16"/>
      <c r="BW12" s="16"/>
      <c r="BX12" s="16"/>
      <c r="BY12" s="16"/>
      <c r="BZ12" s="16"/>
      <c r="CN12" s="16"/>
      <c r="CO12" s="16"/>
      <c r="CP12" s="16"/>
      <c r="CQ12" s="16"/>
      <c r="CR12" s="16"/>
      <c r="CS12" s="16"/>
      <c r="CT12" s="16"/>
      <c r="CU12" s="16"/>
      <c r="CV12" s="16"/>
      <c r="CW12" s="16"/>
      <c r="CX12" s="16"/>
      <c r="CY12" s="16"/>
      <c r="CZ12" s="16"/>
      <c r="DA12" s="16"/>
      <c r="DB12" s="16"/>
      <c r="DC12" s="16"/>
      <c r="DD12" s="16"/>
      <c r="DE12" s="16"/>
      <c r="DF12" s="16"/>
      <c r="DG12" s="16"/>
      <c r="DH12" s="16"/>
      <c r="DI12" s="16"/>
      <c r="DJ12" s="16"/>
      <c r="DK12" s="16"/>
      <c r="DL12" s="16"/>
      <c r="DM12" s="16"/>
      <c r="DN12" s="16"/>
      <c r="DO12" s="16"/>
      <c r="DP12" s="16"/>
      <c r="DQ12" s="16"/>
      <c r="DR12" s="16"/>
      <c r="DS12" s="16"/>
      <c r="DT12" s="16"/>
      <c r="DU12" s="16"/>
      <c r="DV12" s="16"/>
      <c r="DW12" s="16"/>
      <c r="DX12" s="16"/>
      <c r="DY12" s="16"/>
      <c r="DZ12" s="3"/>
      <c r="EA12" s="3"/>
      <c r="EB12" s="3"/>
      <c r="EC12" s="3"/>
      <c r="ED12" s="3"/>
      <c r="EE12" s="3"/>
      <c r="EF12" s="3"/>
      <c r="EG12" s="3"/>
      <c r="EH12" s="3"/>
      <c r="EI12" s="2"/>
      <c r="EJ12" s="2"/>
      <c r="EK12" s="2"/>
      <c r="EL12" s="2"/>
      <c r="EM12" s="2"/>
      <c r="EN12" s="12"/>
      <c r="EO12" s="3"/>
      <c r="EP12" s="333" t="s">
        <v>2</v>
      </c>
      <c r="EQ12" s="333"/>
      <c r="ER12" s="333"/>
      <c r="ES12" s="333"/>
      <c r="ET12" s="333"/>
      <c r="EU12" s="333"/>
      <c r="EV12" s="333"/>
      <c r="EW12" s="333"/>
      <c r="EX12" s="333"/>
      <c r="EY12" s="333"/>
      <c r="EZ12" s="333"/>
      <c r="FA12" s="333"/>
      <c r="FB12" s="333"/>
      <c r="FC12" s="13"/>
      <c r="FD12" s="13"/>
      <c r="FE12" s="13"/>
      <c r="FF12" s="360" t="s">
        <v>75</v>
      </c>
      <c r="FG12" s="360"/>
      <c r="FH12" s="360"/>
      <c r="FI12" s="360"/>
      <c r="FJ12" s="360"/>
      <c r="FK12" s="360"/>
      <c r="FL12" s="360"/>
      <c r="FM12" s="360"/>
      <c r="FN12" s="360"/>
      <c r="FO12" s="360"/>
      <c r="FP12" s="360"/>
      <c r="FQ12" s="360"/>
      <c r="FR12" s="360"/>
      <c r="FS12" s="360"/>
      <c r="FT12" s="360"/>
      <c r="FU12" s="360"/>
      <c r="FV12" s="360"/>
      <c r="FW12" s="360"/>
      <c r="FX12" s="360"/>
      <c r="FY12" s="360"/>
      <c r="FZ12" s="360"/>
      <c r="GA12" s="360"/>
      <c r="GB12" s="360"/>
      <c r="GC12" s="360"/>
      <c r="GD12" s="360"/>
      <c r="GE12" s="360"/>
      <c r="GF12" s="360"/>
      <c r="GG12" s="360"/>
      <c r="GH12" s="360"/>
      <c r="GI12" s="360"/>
      <c r="GJ12" s="360"/>
      <c r="GK12" s="360"/>
      <c r="GL12" s="360"/>
      <c r="GM12" s="360"/>
      <c r="GN12" s="360"/>
      <c r="GO12" s="360"/>
      <c r="GP12" s="360"/>
      <c r="GQ12" s="360"/>
      <c r="GR12" s="360"/>
      <c r="GS12" s="360"/>
      <c r="GT12" s="360"/>
      <c r="GU12" s="360"/>
      <c r="GV12" s="360"/>
      <c r="GW12" s="360"/>
      <c r="GX12" s="360"/>
      <c r="GY12" s="360"/>
      <c r="GZ12" s="360"/>
      <c r="HA12" s="360"/>
      <c r="HB12" s="360"/>
      <c r="HC12" s="360"/>
      <c r="HD12" s="360"/>
      <c r="HE12" s="360"/>
      <c r="HH12" s="18"/>
      <c r="HO12" s="2"/>
      <c r="HP12" s="2"/>
      <c r="HQ12" s="15"/>
    </row>
    <row r="13" spans="2:234" ht="6" customHeight="1">
      <c r="B13" s="16"/>
      <c r="C13" s="16"/>
      <c r="D13" s="16"/>
      <c r="E13" s="16"/>
      <c r="F13" s="16"/>
      <c r="G13" s="16"/>
      <c r="H13" s="16"/>
      <c r="I13" s="16"/>
      <c r="J13" s="16"/>
      <c r="K13" s="16"/>
      <c r="L13" s="16"/>
      <c r="M13" s="16"/>
      <c r="N13" s="16"/>
      <c r="O13" s="16"/>
      <c r="P13" s="16"/>
      <c r="Q13" s="16"/>
      <c r="R13" s="16"/>
      <c r="S13" s="16"/>
      <c r="T13" s="16"/>
      <c r="U13" s="16"/>
      <c r="V13" s="16"/>
      <c r="W13" s="16"/>
      <c r="X13" s="16"/>
      <c r="Y13" s="16"/>
      <c r="Z13" s="16"/>
      <c r="AA13" s="16"/>
      <c r="AB13" s="16"/>
      <c r="AC13" s="16"/>
      <c r="AD13" s="16"/>
      <c r="AE13" s="16"/>
      <c r="AF13" s="16"/>
      <c r="AG13" s="16"/>
      <c r="AH13" s="16"/>
      <c r="AI13" s="16"/>
      <c r="AJ13" s="16"/>
      <c r="AK13" s="16"/>
      <c r="AL13" s="16"/>
      <c r="AM13" s="16"/>
      <c r="AN13" s="16"/>
      <c r="AO13" s="16"/>
      <c r="AP13" s="16"/>
      <c r="AQ13" s="16"/>
      <c r="AR13" s="16"/>
      <c r="AS13" s="16"/>
      <c r="AT13" s="16"/>
      <c r="AU13" s="19"/>
      <c r="AV13" s="19"/>
      <c r="AW13" s="19"/>
      <c r="AX13" s="19"/>
      <c r="AY13" s="19"/>
      <c r="AZ13" s="19"/>
      <c r="BA13" s="19"/>
      <c r="BB13" s="19"/>
      <c r="BC13" s="19"/>
      <c r="BD13" s="19"/>
      <c r="BE13" s="2"/>
      <c r="BF13" s="2"/>
      <c r="BG13" s="2"/>
      <c r="BH13" s="2"/>
      <c r="BI13" s="2"/>
      <c r="BJ13" s="2"/>
      <c r="BK13" s="2"/>
      <c r="BL13" s="2"/>
      <c r="BM13" s="2"/>
      <c r="BN13" s="2"/>
      <c r="BO13" s="2"/>
      <c r="BP13" s="2"/>
      <c r="BQ13" s="2"/>
      <c r="BR13" s="2"/>
      <c r="BS13" s="2"/>
      <c r="BT13" s="2"/>
      <c r="BU13" s="2"/>
      <c r="BV13" s="2"/>
      <c r="EI13" s="2"/>
      <c r="EJ13" s="2"/>
      <c r="EK13" s="2"/>
      <c r="EL13" s="2"/>
      <c r="EM13" s="2"/>
      <c r="EN13" s="12"/>
      <c r="EO13" s="3"/>
      <c r="EP13" s="333"/>
      <c r="EQ13" s="333"/>
      <c r="ER13" s="333"/>
      <c r="ES13" s="333"/>
      <c r="ET13" s="333"/>
      <c r="EU13" s="333"/>
      <c r="EV13" s="333"/>
      <c r="EW13" s="333"/>
      <c r="EX13" s="333"/>
      <c r="EY13" s="333"/>
      <c r="EZ13" s="333"/>
      <c r="FA13" s="333"/>
      <c r="FB13" s="333"/>
      <c r="FC13" s="13"/>
      <c r="FD13" s="13"/>
      <c r="FE13" s="13"/>
      <c r="FF13" s="360"/>
      <c r="FG13" s="360"/>
      <c r="FH13" s="360"/>
      <c r="FI13" s="360"/>
      <c r="FJ13" s="360"/>
      <c r="FK13" s="360"/>
      <c r="FL13" s="360"/>
      <c r="FM13" s="360"/>
      <c r="FN13" s="360"/>
      <c r="FO13" s="360"/>
      <c r="FP13" s="360"/>
      <c r="FQ13" s="360"/>
      <c r="FR13" s="360"/>
      <c r="FS13" s="360"/>
      <c r="FT13" s="360"/>
      <c r="FU13" s="360"/>
      <c r="FV13" s="360"/>
      <c r="FW13" s="360"/>
      <c r="FX13" s="360"/>
      <c r="FY13" s="360"/>
      <c r="FZ13" s="360"/>
      <c r="GA13" s="360"/>
      <c r="GB13" s="360"/>
      <c r="GC13" s="360"/>
      <c r="GD13" s="360"/>
      <c r="GE13" s="360"/>
      <c r="GF13" s="360"/>
      <c r="GG13" s="360"/>
      <c r="GH13" s="360"/>
      <c r="GI13" s="360"/>
      <c r="GJ13" s="360"/>
      <c r="GK13" s="360"/>
      <c r="GL13" s="360"/>
      <c r="GM13" s="360"/>
      <c r="GN13" s="360"/>
      <c r="GO13" s="360"/>
      <c r="GP13" s="360"/>
      <c r="GQ13" s="360"/>
      <c r="GR13" s="360"/>
      <c r="GS13" s="360"/>
      <c r="GT13" s="360"/>
      <c r="GU13" s="360"/>
      <c r="GV13" s="360"/>
      <c r="GW13" s="360"/>
      <c r="GX13" s="360"/>
      <c r="GY13" s="360"/>
      <c r="GZ13" s="360"/>
      <c r="HA13" s="360"/>
      <c r="HB13" s="360"/>
      <c r="HC13" s="360"/>
      <c r="HD13" s="360"/>
      <c r="HE13" s="360"/>
      <c r="HH13" s="18"/>
      <c r="HO13" s="2"/>
      <c r="HP13" s="2"/>
      <c r="HQ13" s="15"/>
    </row>
    <row r="14" spans="2:234" ht="6" customHeight="1">
      <c r="B14" s="293"/>
      <c r="C14" s="337" t="s">
        <v>3</v>
      </c>
      <c r="D14" s="337"/>
      <c r="E14" s="337"/>
      <c r="F14" s="337"/>
      <c r="G14" s="337"/>
      <c r="H14" s="337"/>
      <c r="I14" s="337"/>
      <c r="J14" s="337"/>
      <c r="K14" s="337"/>
      <c r="L14" s="337"/>
      <c r="M14" s="337"/>
      <c r="N14" s="337"/>
      <c r="O14" s="337"/>
      <c r="P14" s="337"/>
      <c r="Q14" s="337"/>
      <c r="R14" s="298"/>
      <c r="S14" s="361" t="s">
        <v>4</v>
      </c>
      <c r="T14" s="362"/>
      <c r="U14" s="362"/>
      <c r="V14" s="362"/>
      <c r="W14" s="362"/>
      <c r="X14" s="362"/>
      <c r="Y14" s="362"/>
      <c r="Z14" s="350">
        <v>2023</v>
      </c>
      <c r="AA14" s="350"/>
      <c r="AB14" s="350"/>
      <c r="AC14" s="350"/>
      <c r="AD14" s="350"/>
      <c r="AE14" s="350"/>
      <c r="AF14" s="350"/>
      <c r="AG14" s="350"/>
      <c r="AH14" s="350"/>
      <c r="AI14" s="350"/>
      <c r="AJ14" s="350"/>
      <c r="AK14" s="350"/>
      <c r="AL14" s="353" t="s">
        <v>5</v>
      </c>
      <c r="AM14" s="353"/>
      <c r="AN14" s="353"/>
      <c r="AO14" s="353"/>
      <c r="AP14" s="350">
        <v>10</v>
      </c>
      <c r="AQ14" s="350"/>
      <c r="AR14" s="350"/>
      <c r="AS14" s="350"/>
      <c r="AT14" s="350"/>
      <c r="AU14" s="350"/>
      <c r="AV14" s="350"/>
      <c r="AW14" s="350"/>
      <c r="AX14" s="353" t="s">
        <v>6</v>
      </c>
      <c r="AY14" s="353"/>
      <c r="AZ14" s="353"/>
      <c r="BA14" s="353"/>
      <c r="BB14" s="350">
        <v>31</v>
      </c>
      <c r="BC14" s="350"/>
      <c r="BD14" s="350"/>
      <c r="BE14" s="350"/>
      <c r="BF14" s="350"/>
      <c r="BG14" s="350"/>
      <c r="BH14" s="350"/>
      <c r="BI14" s="350"/>
      <c r="BJ14" s="353" t="s">
        <v>7</v>
      </c>
      <c r="BK14" s="353"/>
      <c r="BL14" s="353"/>
      <c r="BM14" s="354"/>
      <c r="BO14" s="2"/>
      <c r="BP14" s="2"/>
      <c r="BQ14" s="359" t="s">
        <v>8</v>
      </c>
      <c r="BR14" s="359"/>
      <c r="BS14" s="359"/>
      <c r="BT14" s="359"/>
      <c r="BU14" s="359"/>
      <c r="BV14" s="359"/>
      <c r="BW14" s="359"/>
      <c r="BX14" s="359"/>
      <c r="BY14" s="359"/>
      <c r="BZ14" s="359"/>
      <c r="CA14" s="359"/>
      <c r="CB14" s="359"/>
      <c r="CC14" s="359"/>
      <c r="CD14" s="348">
        <v>1</v>
      </c>
      <c r="CE14" s="348"/>
      <c r="CF14" s="348"/>
      <c r="CG14" s="348"/>
      <c r="CH14" s="348">
        <v>2</v>
      </c>
      <c r="CI14" s="348"/>
      <c r="CJ14" s="348"/>
      <c r="CK14" s="348"/>
      <c r="CL14" s="348">
        <v>3</v>
      </c>
      <c r="CM14" s="348"/>
      <c r="CN14" s="348"/>
      <c r="CO14" s="348"/>
      <c r="CP14" s="348">
        <v>4</v>
      </c>
      <c r="CQ14" s="348"/>
      <c r="CR14" s="348"/>
      <c r="CS14" s="348"/>
      <c r="CT14" s="348">
        <v>5</v>
      </c>
      <c r="CU14" s="348"/>
      <c r="CV14" s="348"/>
      <c r="CW14" s="348"/>
      <c r="CX14" s="348">
        <v>6</v>
      </c>
      <c r="CY14" s="348"/>
      <c r="CZ14" s="348"/>
      <c r="DA14" s="348"/>
      <c r="DB14" s="348">
        <v>7</v>
      </c>
      <c r="DC14" s="348"/>
      <c r="DD14" s="348"/>
      <c r="DE14" s="348"/>
      <c r="DF14" s="349" t="s">
        <v>9</v>
      </c>
      <c r="DG14" s="349"/>
      <c r="DH14" s="349"/>
      <c r="DI14" s="349"/>
      <c r="DJ14" s="349"/>
      <c r="DK14" s="349"/>
      <c r="DL14" s="349"/>
      <c r="DM14" s="349"/>
      <c r="DN14" s="349"/>
      <c r="DO14" s="349"/>
      <c r="DP14" s="349"/>
      <c r="DQ14" s="349"/>
      <c r="DR14" s="349"/>
      <c r="DS14" s="348" t="s">
        <v>72</v>
      </c>
      <c r="DT14" s="348"/>
      <c r="DU14" s="348"/>
      <c r="DV14" s="348"/>
      <c r="DW14" s="348"/>
      <c r="DX14" s="348"/>
      <c r="DY14" s="348"/>
      <c r="DZ14" s="348"/>
      <c r="EA14" s="348"/>
      <c r="EB14" s="348"/>
      <c r="EC14" s="348"/>
      <c r="ED14" s="348"/>
      <c r="EE14" s="348"/>
      <c r="EF14" s="348"/>
      <c r="EG14" s="348"/>
      <c r="EH14" s="348"/>
      <c r="EI14" s="348"/>
      <c r="EJ14" s="348"/>
      <c r="EK14" s="2"/>
      <c r="EL14" s="2"/>
      <c r="EM14" s="2"/>
      <c r="EN14" s="12"/>
      <c r="EO14" s="3"/>
      <c r="EP14" s="333"/>
      <c r="EQ14" s="333"/>
      <c r="ER14" s="333"/>
      <c r="ES14" s="333"/>
      <c r="ET14" s="333"/>
      <c r="EU14" s="333"/>
      <c r="EV14" s="333"/>
      <c r="EW14" s="333"/>
      <c r="EX14" s="333"/>
      <c r="EY14" s="333"/>
      <c r="EZ14" s="333"/>
      <c r="FA14" s="333"/>
      <c r="FB14" s="333"/>
      <c r="FC14" s="13"/>
      <c r="FD14" s="13"/>
      <c r="FE14" s="13"/>
      <c r="FF14" s="360"/>
      <c r="FG14" s="360"/>
      <c r="FH14" s="360"/>
      <c r="FI14" s="360"/>
      <c r="FJ14" s="360"/>
      <c r="FK14" s="360"/>
      <c r="FL14" s="360"/>
      <c r="FM14" s="360"/>
      <c r="FN14" s="360"/>
      <c r="FO14" s="360"/>
      <c r="FP14" s="360"/>
      <c r="FQ14" s="360"/>
      <c r="FR14" s="360"/>
      <c r="FS14" s="360"/>
      <c r="FT14" s="360"/>
      <c r="FU14" s="360"/>
      <c r="FV14" s="360"/>
      <c r="FW14" s="360"/>
      <c r="FX14" s="360"/>
      <c r="FY14" s="360"/>
      <c r="FZ14" s="360"/>
      <c r="GA14" s="360"/>
      <c r="GB14" s="360"/>
      <c r="GC14" s="360"/>
      <c r="GD14" s="360"/>
      <c r="GE14" s="360"/>
      <c r="GF14" s="360"/>
      <c r="GG14" s="360"/>
      <c r="GH14" s="360"/>
      <c r="GI14" s="360"/>
      <c r="GJ14" s="360"/>
      <c r="GK14" s="360"/>
      <c r="GL14" s="360"/>
      <c r="GM14" s="360"/>
      <c r="GN14" s="360"/>
      <c r="GO14" s="360"/>
      <c r="GP14" s="360"/>
      <c r="GQ14" s="360"/>
      <c r="GR14" s="360"/>
      <c r="GS14" s="360"/>
      <c r="GT14" s="360"/>
      <c r="GU14" s="360"/>
      <c r="GV14" s="360"/>
      <c r="GW14" s="360"/>
      <c r="GX14" s="360"/>
      <c r="GY14" s="360"/>
      <c r="GZ14" s="360"/>
      <c r="HA14" s="360"/>
      <c r="HB14" s="360"/>
      <c r="HC14" s="360"/>
      <c r="HD14" s="360"/>
      <c r="HE14" s="360"/>
      <c r="HH14" s="18"/>
      <c r="HO14" s="2"/>
      <c r="HP14" s="2"/>
      <c r="HQ14" s="15"/>
    </row>
    <row r="15" spans="2:234" ht="6" customHeight="1">
      <c r="B15" s="294"/>
      <c r="C15" s="339"/>
      <c r="D15" s="339"/>
      <c r="E15" s="339"/>
      <c r="F15" s="339"/>
      <c r="G15" s="339"/>
      <c r="H15" s="339"/>
      <c r="I15" s="339"/>
      <c r="J15" s="339"/>
      <c r="K15" s="339"/>
      <c r="L15" s="339"/>
      <c r="M15" s="339"/>
      <c r="N15" s="339"/>
      <c r="O15" s="339"/>
      <c r="P15" s="339"/>
      <c r="Q15" s="339"/>
      <c r="R15" s="299"/>
      <c r="S15" s="363"/>
      <c r="T15" s="364"/>
      <c r="U15" s="364"/>
      <c r="V15" s="364"/>
      <c r="W15" s="364"/>
      <c r="X15" s="364"/>
      <c r="Y15" s="364"/>
      <c r="Z15" s="351"/>
      <c r="AA15" s="351"/>
      <c r="AB15" s="351"/>
      <c r="AC15" s="351"/>
      <c r="AD15" s="351"/>
      <c r="AE15" s="351"/>
      <c r="AF15" s="351"/>
      <c r="AG15" s="351"/>
      <c r="AH15" s="351"/>
      <c r="AI15" s="351"/>
      <c r="AJ15" s="351"/>
      <c r="AK15" s="351"/>
      <c r="AL15" s="355"/>
      <c r="AM15" s="355"/>
      <c r="AN15" s="355"/>
      <c r="AO15" s="355"/>
      <c r="AP15" s="351"/>
      <c r="AQ15" s="351"/>
      <c r="AR15" s="351"/>
      <c r="AS15" s="351"/>
      <c r="AT15" s="351"/>
      <c r="AU15" s="351"/>
      <c r="AV15" s="351"/>
      <c r="AW15" s="351"/>
      <c r="AX15" s="355"/>
      <c r="AY15" s="355"/>
      <c r="AZ15" s="355"/>
      <c r="BA15" s="355"/>
      <c r="BB15" s="351"/>
      <c r="BC15" s="351"/>
      <c r="BD15" s="351"/>
      <c r="BE15" s="351"/>
      <c r="BF15" s="351"/>
      <c r="BG15" s="351"/>
      <c r="BH15" s="351"/>
      <c r="BI15" s="351"/>
      <c r="BJ15" s="355"/>
      <c r="BK15" s="355"/>
      <c r="BL15" s="355"/>
      <c r="BM15" s="356"/>
      <c r="BO15" s="2"/>
      <c r="BP15" s="2"/>
      <c r="BQ15" s="359"/>
      <c r="BR15" s="359"/>
      <c r="BS15" s="359"/>
      <c r="BT15" s="359"/>
      <c r="BU15" s="359"/>
      <c r="BV15" s="359"/>
      <c r="BW15" s="359"/>
      <c r="BX15" s="359"/>
      <c r="BY15" s="359"/>
      <c r="BZ15" s="359"/>
      <c r="CA15" s="359"/>
      <c r="CB15" s="359"/>
      <c r="CC15" s="359"/>
      <c r="CD15" s="348"/>
      <c r="CE15" s="348"/>
      <c r="CF15" s="348"/>
      <c r="CG15" s="348"/>
      <c r="CH15" s="348"/>
      <c r="CI15" s="348"/>
      <c r="CJ15" s="348"/>
      <c r="CK15" s="348"/>
      <c r="CL15" s="348"/>
      <c r="CM15" s="348"/>
      <c r="CN15" s="348"/>
      <c r="CO15" s="348"/>
      <c r="CP15" s="348"/>
      <c r="CQ15" s="348"/>
      <c r="CR15" s="348"/>
      <c r="CS15" s="348"/>
      <c r="CT15" s="348"/>
      <c r="CU15" s="348"/>
      <c r="CV15" s="348"/>
      <c r="CW15" s="348"/>
      <c r="CX15" s="348"/>
      <c r="CY15" s="348"/>
      <c r="CZ15" s="348"/>
      <c r="DA15" s="348"/>
      <c r="DB15" s="348"/>
      <c r="DC15" s="348"/>
      <c r="DD15" s="348"/>
      <c r="DE15" s="348"/>
      <c r="DF15" s="349"/>
      <c r="DG15" s="349"/>
      <c r="DH15" s="349"/>
      <c r="DI15" s="349"/>
      <c r="DJ15" s="349"/>
      <c r="DK15" s="349"/>
      <c r="DL15" s="349"/>
      <c r="DM15" s="349"/>
      <c r="DN15" s="349"/>
      <c r="DO15" s="349"/>
      <c r="DP15" s="349"/>
      <c r="DQ15" s="349"/>
      <c r="DR15" s="349"/>
      <c r="DS15" s="348"/>
      <c r="DT15" s="348"/>
      <c r="DU15" s="348"/>
      <c r="DV15" s="348"/>
      <c r="DW15" s="348"/>
      <c r="DX15" s="348"/>
      <c r="DY15" s="348"/>
      <c r="DZ15" s="348"/>
      <c r="EA15" s="348"/>
      <c r="EB15" s="348"/>
      <c r="EC15" s="348"/>
      <c r="ED15" s="348"/>
      <c r="EE15" s="348"/>
      <c r="EF15" s="348"/>
      <c r="EG15" s="348"/>
      <c r="EH15" s="348"/>
      <c r="EI15" s="348"/>
      <c r="EJ15" s="348"/>
      <c r="EK15" s="2"/>
      <c r="EL15" s="2"/>
      <c r="EM15" s="2"/>
      <c r="EN15" s="12"/>
      <c r="EO15" s="3"/>
      <c r="EP15" s="333"/>
      <c r="EQ15" s="333"/>
      <c r="ER15" s="333"/>
      <c r="ES15" s="333"/>
      <c r="ET15" s="333"/>
      <c r="EU15" s="333"/>
      <c r="EV15" s="333"/>
      <c r="EW15" s="333"/>
      <c r="EX15" s="333"/>
      <c r="EY15" s="333"/>
      <c r="EZ15" s="333"/>
      <c r="FA15" s="333"/>
      <c r="FB15" s="333"/>
      <c r="FC15" s="13"/>
      <c r="FD15" s="13"/>
      <c r="FE15" s="13"/>
      <c r="FF15" s="360"/>
      <c r="FG15" s="360"/>
      <c r="FH15" s="360"/>
      <c r="FI15" s="360"/>
      <c r="FJ15" s="360"/>
      <c r="FK15" s="360"/>
      <c r="FL15" s="360"/>
      <c r="FM15" s="360"/>
      <c r="FN15" s="360"/>
      <c r="FO15" s="360"/>
      <c r="FP15" s="360"/>
      <c r="FQ15" s="360"/>
      <c r="FR15" s="360"/>
      <c r="FS15" s="360"/>
      <c r="FT15" s="360"/>
      <c r="FU15" s="360"/>
      <c r="FV15" s="360"/>
      <c r="FW15" s="360"/>
      <c r="FX15" s="360"/>
      <c r="FY15" s="360"/>
      <c r="FZ15" s="360"/>
      <c r="GA15" s="360"/>
      <c r="GB15" s="360"/>
      <c r="GC15" s="360"/>
      <c r="GD15" s="360"/>
      <c r="GE15" s="360"/>
      <c r="GF15" s="360"/>
      <c r="GG15" s="360"/>
      <c r="GH15" s="360"/>
      <c r="GI15" s="360"/>
      <c r="GJ15" s="360"/>
      <c r="GK15" s="360"/>
      <c r="GL15" s="360"/>
      <c r="GM15" s="360"/>
      <c r="GN15" s="360"/>
      <c r="GO15" s="360"/>
      <c r="GP15" s="360"/>
      <c r="GQ15" s="360"/>
      <c r="GR15" s="360"/>
      <c r="GS15" s="360"/>
      <c r="GT15" s="360"/>
      <c r="GU15" s="360"/>
      <c r="GV15" s="360"/>
      <c r="GW15" s="360"/>
      <c r="GX15" s="360"/>
      <c r="GY15" s="360"/>
      <c r="GZ15" s="360"/>
      <c r="HA15" s="360"/>
      <c r="HB15" s="360"/>
      <c r="HC15" s="360"/>
      <c r="HD15" s="360"/>
      <c r="HE15" s="360"/>
      <c r="HH15" s="18"/>
      <c r="HO15" s="2"/>
      <c r="HP15" s="2"/>
      <c r="HQ15" s="15"/>
    </row>
    <row r="16" spans="2:234" ht="6" customHeight="1">
      <c r="B16" s="294"/>
      <c r="C16" s="339"/>
      <c r="D16" s="339"/>
      <c r="E16" s="339"/>
      <c r="F16" s="339"/>
      <c r="G16" s="339"/>
      <c r="H16" s="339"/>
      <c r="I16" s="339"/>
      <c r="J16" s="339"/>
      <c r="K16" s="339"/>
      <c r="L16" s="339"/>
      <c r="M16" s="339"/>
      <c r="N16" s="339"/>
      <c r="O16" s="339"/>
      <c r="P16" s="339"/>
      <c r="Q16" s="339"/>
      <c r="R16" s="299"/>
      <c r="S16" s="363"/>
      <c r="T16" s="364"/>
      <c r="U16" s="364"/>
      <c r="V16" s="364"/>
      <c r="W16" s="364"/>
      <c r="X16" s="364"/>
      <c r="Y16" s="364"/>
      <c r="Z16" s="351"/>
      <c r="AA16" s="351"/>
      <c r="AB16" s="351"/>
      <c r="AC16" s="351"/>
      <c r="AD16" s="351"/>
      <c r="AE16" s="351"/>
      <c r="AF16" s="351"/>
      <c r="AG16" s="351"/>
      <c r="AH16" s="351"/>
      <c r="AI16" s="351"/>
      <c r="AJ16" s="351"/>
      <c r="AK16" s="351"/>
      <c r="AL16" s="355"/>
      <c r="AM16" s="355"/>
      <c r="AN16" s="355"/>
      <c r="AO16" s="355"/>
      <c r="AP16" s="351"/>
      <c r="AQ16" s="351"/>
      <c r="AR16" s="351"/>
      <c r="AS16" s="351"/>
      <c r="AT16" s="351"/>
      <c r="AU16" s="351"/>
      <c r="AV16" s="351"/>
      <c r="AW16" s="351"/>
      <c r="AX16" s="355"/>
      <c r="AY16" s="355"/>
      <c r="AZ16" s="355"/>
      <c r="BA16" s="355"/>
      <c r="BB16" s="351"/>
      <c r="BC16" s="351"/>
      <c r="BD16" s="351"/>
      <c r="BE16" s="351"/>
      <c r="BF16" s="351"/>
      <c r="BG16" s="351"/>
      <c r="BH16" s="351"/>
      <c r="BI16" s="351"/>
      <c r="BJ16" s="355"/>
      <c r="BK16" s="355"/>
      <c r="BL16" s="355"/>
      <c r="BM16" s="356"/>
      <c r="BO16" s="2"/>
      <c r="BP16" s="2"/>
      <c r="BQ16" s="359"/>
      <c r="BR16" s="359"/>
      <c r="BS16" s="359"/>
      <c r="BT16" s="359"/>
      <c r="BU16" s="359"/>
      <c r="BV16" s="359"/>
      <c r="BW16" s="359"/>
      <c r="BX16" s="359"/>
      <c r="BY16" s="359"/>
      <c r="BZ16" s="359"/>
      <c r="CA16" s="359"/>
      <c r="CB16" s="359"/>
      <c r="CC16" s="359"/>
      <c r="CD16" s="348"/>
      <c r="CE16" s="348"/>
      <c r="CF16" s="348"/>
      <c r="CG16" s="348"/>
      <c r="CH16" s="348"/>
      <c r="CI16" s="348"/>
      <c r="CJ16" s="348"/>
      <c r="CK16" s="348"/>
      <c r="CL16" s="348"/>
      <c r="CM16" s="348"/>
      <c r="CN16" s="348"/>
      <c r="CO16" s="348"/>
      <c r="CP16" s="348"/>
      <c r="CQ16" s="348"/>
      <c r="CR16" s="348"/>
      <c r="CS16" s="348"/>
      <c r="CT16" s="348"/>
      <c r="CU16" s="348"/>
      <c r="CV16" s="348"/>
      <c r="CW16" s="348"/>
      <c r="CX16" s="348"/>
      <c r="CY16" s="348"/>
      <c r="CZ16" s="348"/>
      <c r="DA16" s="348"/>
      <c r="DB16" s="348"/>
      <c r="DC16" s="348"/>
      <c r="DD16" s="348"/>
      <c r="DE16" s="348"/>
      <c r="DF16" s="349"/>
      <c r="DG16" s="349"/>
      <c r="DH16" s="349"/>
      <c r="DI16" s="349"/>
      <c r="DJ16" s="349"/>
      <c r="DK16" s="349"/>
      <c r="DL16" s="349"/>
      <c r="DM16" s="349"/>
      <c r="DN16" s="349"/>
      <c r="DO16" s="349"/>
      <c r="DP16" s="349"/>
      <c r="DQ16" s="349"/>
      <c r="DR16" s="349"/>
      <c r="DS16" s="348"/>
      <c r="DT16" s="348"/>
      <c r="DU16" s="348"/>
      <c r="DV16" s="348"/>
      <c r="DW16" s="348"/>
      <c r="DX16" s="348"/>
      <c r="DY16" s="348"/>
      <c r="DZ16" s="348"/>
      <c r="EA16" s="348"/>
      <c r="EB16" s="348"/>
      <c r="EC16" s="348"/>
      <c r="ED16" s="348"/>
      <c r="EE16" s="348"/>
      <c r="EF16" s="348"/>
      <c r="EG16" s="348"/>
      <c r="EH16" s="348"/>
      <c r="EI16" s="348"/>
      <c r="EJ16" s="348"/>
      <c r="EK16" s="2"/>
      <c r="EL16" s="2"/>
      <c r="EM16" s="2"/>
      <c r="EN16" s="12"/>
      <c r="EO16" s="3"/>
      <c r="EP16" s="333" t="s">
        <v>10</v>
      </c>
      <c r="EQ16" s="333"/>
      <c r="ER16" s="333"/>
      <c r="ES16" s="333"/>
      <c r="ET16" s="333"/>
      <c r="EU16" s="333"/>
      <c r="EV16" s="333"/>
      <c r="EW16" s="333"/>
      <c r="EX16" s="333"/>
      <c r="EY16" s="333"/>
      <c r="EZ16" s="333"/>
      <c r="FA16" s="333"/>
      <c r="FB16" s="333"/>
      <c r="FC16" s="13"/>
      <c r="FD16" s="13"/>
      <c r="FE16" s="13"/>
      <c r="FF16" s="334" t="s">
        <v>76</v>
      </c>
      <c r="FG16" s="334"/>
      <c r="FH16" s="334"/>
      <c r="FI16" s="334"/>
      <c r="FJ16" s="334"/>
      <c r="FK16" s="334"/>
      <c r="FL16" s="334"/>
      <c r="FM16" s="334"/>
      <c r="FN16" s="334"/>
      <c r="FO16" s="334"/>
      <c r="FP16" s="334"/>
      <c r="FQ16" s="334"/>
      <c r="FR16" s="334"/>
      <c r="FS16" s="334"/>
      <c r="FT16" s="334"/>
      <c r="FU16" s="334"/>
      <c r="FV16" s="334"/>
      <c r="FW16" s="334"/>
      <c r="FX16" s="334"/>
      <c r="FY16" s="334"/>
      <c r="FZ16" s="334"/>
      <c r="GA16" s="334"/>
      <c r="GB16" s="334"/>
      <c r="GC16" s="334"/>
      <c r="GD16" s="334"/>
      <c r="GE16" s="334"/>
      <c r="GF16" s="334"/>
      <c r="GG16" s="334"/>
      <c r="GH16" s="334"/>
      <c r="GI16" s="334"/>
      <c r="GJ16" s="334"/>
      <c r="GK16" s="334"/>
      <c r="GL16" s="334"/>
      <c r="GM16" s="334"/>
      <c r="GN16" s="334"/>
      <c r="GO16" s="334"/>
      <c r="GP16" s="334"/>
      <c r="GQ16" s="334"/>
      <c r="GR16" s="334"/>
      <c r="GS16" s="334"/>
      <c r="GT16" s="334"/>
      <c r="GU16" s="334"/>
      <c r="GV16" s="334"/>
      <c r="GW16" s="334"/>
      <c r="GX16" s="334"/>
      <c r="GY16" s="334"/>
      <c r="GZ16" s="334"/>
      <c r="HA16" s="334"/>
      <c r="HB16" s="334"/>
      <c r="HC16" s="334"/>
      <c r="HD16" s="334"/>
      <c r="HE16" s="334"/>
      <c r="HH16" s="20"/>
      <c r="HI16" s="335" t="s">
        <v>11</v>
      </c>
      <c r="HJ16" s="335"/>
      <c r="HK16" s="335"/>
      <c r="HL16" s="335"/>
      <c r="HM16" s="335"/>
      <c r="HN16" s="335"/>
      <c r="HP16" s="21"/>
      <c r="HQ16" s="22"/>
    </row>
    <row r="17" spans="2:225" ht="6" customHeight="1">
      <c r="B17" s="297"/>
      <c r="C17" s="340"/>
      <c r="D17" s="340"/>
      <c r="E17" s="340"/>
      <c r="F17" s="340"/>
      <c r="G17" s="340"/>
      <c r="H17" s="340"/>
      <c r="I17" s="340"/>
      <c r="J17" s="340"/>
      <c r="K17" s="340"/>
      <c r="L17" s="340"/>
      <c r="M17" s="340"/>
      <c r="N17" s="340"/>
      <c r="O17" s="340"/>
      <c r="P17" s="340"/>
      <c r="Q17" s="340"/>
      <c r="R17" s="300"/>
      <c r="S17" s="365"/>
      <c r="T17" s="366"/>
      <c r="U17" s="366"/>
      <c r="V17" s="366"/>
      <c r="W17" s="366"/>
      <c r="X17" s="366"/>
      <c r="Y17" s="366"/>
      <c r="Z17" s="352"/>
      <c r="AA17" s="352"/>
      <c r="AB17" s="352"/>
      <c r="AC17" s="352"/>
      <c r="AD17" s="352"/>
      <c r="AE17" s="352"/>
      <c r="AF17" s="352"/>
      <c r="AG17" s="352"/>
      <c r="AH17" s="352"/>
      <c r="AI17" s="352"/>
      <c r="AJ17" s="352"/>
      <c r="AK17" s="352"/>
      <c r="AL17" s="357"/>
      <c r="AM17" s="357"/>
      <c r="AN17" s="357"/>
      <c r="AO17" s="357"/>
      <c r="AP17" s="352"/>
      <c r="AQ17" s="352"/>
      <c r="AR17" s="352"/>
      <c r="AS17" s="352"/>
      <c r="AT17" s="352"/>
      <c r="AU17" s="352"/>
      <c r="AV17" s="352"/>
      <c r="AW17" s="352"/>
      <c r="AX17" s="357"/>
      <c r="AY17" s="357"/>
      <c r="AZ17" s="357"/>
      <c r="BA17" s="357"/>
      <c r="BB17" s="352"/>
      <c r="BC17" s="352"/>
      <c r="BD17" s="352"/>
      <c r="BE17" s="352"/>
      <c r="BF17" s="352"/>
      <c r="BG17" s="352"/>
      <c r="BH17" s="352"/>
      <c r="BI17" s="352"/>
      <c r="BJ17" s="357"/>
      <c r="BK17" s="357"/>
      <c r="BL17" s="357"/>
      <c r="BM17" s="358"/>
      <c r="BO17" s="2"/>
      <c r="BP17" s="2"/>
      <c r="BQ17" s="359"/>
      <c r="BR17" s="359"/>
      <c r="BS17" s="359"/>
      <c r="BT17" s="359"/>
      <c r="BU17" s="359"/>
      <c r="BV17" s="359"/>
      <c r="BW17" s="359"/>
      <c r="BX17" s="359"/>
      <c r="BY17" s="359"/>
      <c r="BZ17" s="359"/>
      <c r="CA17" s="359"/>
      <c r="CB17" s="359"/>
      <c r="CC17" s="359"/>
      <c r="CD17" s="348"/>
      <c r="CE17" s="348"/>
      <c r="CF17" s="348"/>
      <c r="CG17" s="348"/>
      <c r="CH17" s="348"/>
      <c r="CI17" s="348"/>
      <c r="CJ17" s="348"/>
      <c r="CK17" s="348"/>
      <c r="CL17" s="348"/>
      <c r="CM17" s="348"/>
      <c r="CN17" s="348"/>
      <c r="CO17" s="348"/>
      <c r="CP17" s="348"/>
      <c r="CQ17" s="348"/>
      <c r="CR17" s="348"/>
      <c r="CS17" s="348"/>
      <c r="CT17" s="348"/>
      <c r="CU17" s="348"/>
      <c r="CV17" s="348"/>
      <c r="CW17" s="348"/>
      <c r="CX17" s="348"/>
      <c r="CY17" s="348"/>
      <c r="CZ17" s="348"/>
      <c r="DA17" s="348"/>
      <c r="DB17" s="348"/>
      <c r="DC17" s="348"/>
      <c r="DD17" s="348"/>
      <c r="DE17" s="348"/>
      <c r="DF17" s="349"/>
      <c r="DG17" s="349"/>
      <c r="DH17" s="349"/>
      <c r="DI17" s="349"/>
      <c r="DJ17" s="349"/>
      <c r="DK17" s="349"/>
      <c r="DL17" s="349"/>
      <c r="DM17" s="349"/>
      <c r="DN17" s="349"/>
      <c r="DO17" s="349"/>
      <c r="DP17" s="349"/>
      <c r="DQ17" s="349"/>
      <c r="DR17" s="349"/>
      <c r="DS17" s="348"/>
      <c r="DT17" s="348"/>
      <c r="DU17" s="348"/>
      <c r="DV17" s="348"/>
      <c r="DW17" s="348"/>
      <c r="DX17" s="348"/>
      <c r="DY17" s="348"/>
      <c r="DZ17" s="348"/>
      <c r="EA17" s="348"/>
      <c r="EB17" s="348"/>
      <c r="EC17" s="348"/>
      <c r="ED17" s="348"/>
      <c r="EE17" s="348"/>
      <c r="EF17" s="348"/>
      <c r="EG17" s="348"/>
      <c r="EH17" s="348"/>
      <c r="EI17" s="348"/>
      <c r="EJ17" s="348"/>
      <c r="EK17" s="2"/>
      <c r="EL17" s="2"/>
      <c r="EM17" s="2"/>
      <c r="EN17" s="12"/>
      <c r="EO17" s="3"/>
      <c r="EP17" s="333"/>
      <c r="EQ17" s="333"/>
      <c r="ER17" s="333"/>
      <c r="ES17" s="333"/>
      <c r="ET17" s="333"/>
      <c r="EU17" s="333"/>
      <c r="EV17" s="333"/>
      <c r="EW17" s="333"/>
      <c r="EX17" s="333"/>
      <c r="EY17" s="333"/>
      <c r="EZ17" s="333"/>
      <c r="FA17" s="333"/>
      <c r="FB17" s="333"/>
      <c r="FC17" s="13"/>
      <c r="FD17" s="13"/>
      <c r="FE17" s="13"/>
      <c r="FF17" s="334"/>
      <c r="FG17" s="334"/>
      <c r="FH17" s="334"/>
      <c r="FI17" s="334"/>
      <c r="FJ17" s="334"/>
      <c r="FK17" s="334"/>
      <c r="FL17" s="334"/>
      <c r="FM17" s="334"/>
      <c r="FN17" s="334"/>
      <c r="FO17" s="334"/>
      <c r="FP17" s="334"/>
      <c r="FQ17" s="334"/>
      <c r="FR17" s="334"/>
      <c r="FS17" s="334"/>
      <c r="FT17" s="334"/>
      <c r="FU17" s="334"/>
      <c r="FV17" s="334"/>
      <c r="FW17" s="334"/>
      <c r="FX17" s="334"/>
      <c r="FY17" s="334"/>
      <c r="FZ17" s="334"/>
      <c r="GA17" s="334"/>
      <c r="GB17" s="334"/>
      <c r="GC17" s="334"/>
      <c r="GD17" s="334"/>
      <c r="GE17" s="334"/>
      <c r="GF17" s="334"/>
      <c r="GG17" s="334"/>
      <c r="GH17" s="334"/>
      <c r="GI17" s="334"/>
      <c r="GJ17" s="334"/>
      <c r="GK17" s="334"/>
      <c r="GL17" s="334"/>
      <c r="GM17" s="334"/>
      <c r="GN17" s="334"/>
      <c r="GO17" s="334"/>
      <c r="GP17" s="334"/>
      <c r="GQ17" s="334"/>
      <c r="GR17" s="334"/>
      <c r="GS17" s="334"/>
      <c r="GT17" s="334"/>
      <c r="GU17" s="334"/>
      <c r="GV17" s="334"/>
      <c r="GW17" s="334"/>
      <c r="GX17" s="334"/>
      <c r="GY17" s="334"/>
      <c r="GZ17" s="334"/>
      <c r="HA17" s="334"/>
      <c r="HB17" s="334"/>
      <c r="HC17" s="334"/>
      <c r="HD17" s="334"/>
      <c r="HE17" s="334"/>
      <c r="HH17" s="20"/>
      <c r="HI17" s="335"/>
      <c r="HJ17" s="335"/>
      <c r="HK17" s="335"/>
      <c r="HL17" s="335"/>
      <c r="HM17" s="335"/>
      <c r="HN17" s="335"/>
      <c r="HP17" s="21"/>
      <c r="HQ17" s="22"/>
    </row>
    <row r="18" spans="2:225" ht="6" customHeight="1">
      <c r="B18" s="3"/>
      <c r="C18" s="23"/>
      <c r="D18" s="23"/>
      <c r="E18" s="23"/>
      <c r="F18" s="23"/>
      <c r="G18" s="23"/>
      <c r="H18" s="23"/>
      <c r="I18" s="23"/>
      <c r="J18" s="23"/>
      <c r="K18" s="23"/>
      <c r="L18" s="23"/>
      <c r="M18" s="23"/>
      <c r="N18" s="23"/>
      <c r="O18" s="23"/>
      <c r="P18" s="23"/>
      <c r="Q18" s="23"/>
      <c r="R18" s="3"/>
      <c r="S18" s="24"/>
      <c r="T18" s="24"/>
      <c r="U18" s="24"/>
      <c r="V18" s="24"/>
      <c r="W18" s="24"/>
      <c r="X18" s="24"/>
      <c r="Y18" s="24"/>
      <c r="Z18" s="25"/>
      <c r="AA18" s="25"/>
      <c r="AB18" s="25"/>
      <c r="AC18" s="25"/>
      <c r="AD18" s="25"/>
      <c r="AE18" s="25"/>
      <c r="AF18" s="25"/>
      <c r="AG18" s="25"/>
      <c r="AH18" s="25"/>
      <c r="AI18" s="25"/>
      <c r="AJ18" s="25"/>
      <c r="AK18" s="25"/>
      <c r="AL18" s="26"/>
      <c r="AM18" s="26"/>
      <c r="AN18" s="26"/>
      <c r="AO18" s="26"/>
      <c r="AP18" s="25"/>
      <c r="AQ18" s="25"/>
      <c r="AR18" s="25"/>
      <c r="AS18" s="25"/>
      <c r="AT18" s="25"/>
      <c r="AU18" s="25"/>
      <c r="AV18" s="25"/>
      <c r="AW18" s="25"/>
      <c r="AX18" s="26"/>
      <c r="AY18" s="26"/>
      <c r="AZ18" s="26"/>
      <c r="BA18" s="26"/>
      <c r="BB18" s="25"/>
      <c r="BC18" s="25"/>
      <c r="BD18" s="25"/>
      <c r="BE18" s="25"/>
      <c r="BF18" s="25"/>
      <c r="BG18" s="25"/>
      <c r="BH18" s="25"/>
      <c r="BI18" s="25"/>
      <c r="BJ18" s="26"/>
      <c r="BK18" s="26"/>
      <c r="BL18" s="26"/>
      <c r="BM18" s="26"/>
      <c r="BO18" s="2"/>
      <c r="BP18" s="2"/>
      <c r="BQ18" s="359"/>
      <c r="BR18" s="359"/>
      <c r="BS18" s="359"/>
      <c r="BT18" s="359"/>
      <c r="BU18" s="359"/>
      <c r="BV18" s="359"/>
      <c r="BW18" s="359"/>
      <c r="BX18" s="359"/>
      <c r="BY18" s="359"/>
      <c r="BZ18" s="359"/>
      <c r="CA18" s="359"/>
      <c r="CB18" s="359"/>
      <c r="CC18" s="359"/>
      <c r="CD18" s="348"/>
      <c r="CE18" s="348"/>
      <c r="CF18" s="348"/>
      <c r="CG18" s="348"/>
      <c r="CH18" s="348"/>
      <c r="CI18" s="348"/>
      <c r="CJ18" s="348"/>
      <c r="CK18" s="348"/>
      <c r="CL18" s="348"/>
      <c r="CM18" s="348"/>
      <c r="CN18" s="348"/>
      <c r="CO18" s="348"/>
      <c r="CP18" s="348"/>
      <c r="CQ18" s="348"/>
      <c r="CR18" s="348"/>
      <c r="CS18" s="348"/>
      <c r="CT18" s="348"/>
      <c r="CU18" s="348"/>
      <c r="CV18" s="348"/>
      <c r="CW18" s="348"/>
      <c r="CX18" s="348"/>
      <c r="CY18" s="348"/>
      <c r="CZ18" s="348"/>
      <c r="DA18" s="348"/>
      <c r="DB18" s="348"/>
      <c r="DC18" s="348"/>
      <c r="DD18" s="348"/>
      <c r="DE18" s="348"/>
      <c r="DF18" s="349"/>
      <c r="DG18" s="349"/>
      <c r="DH18" s="349"/>
      <c r="DI18" s="349"/>
      <c r="DJ18" s="349"/>
      <c r="DK18" s="349"/>
      <c r="DL18" s="349"/>
      <c r="DM18" s="349"/>
      <c r="DN18" s="349"/>
      <c r="DO18" s="349"/>
      <c r="DP18" s="349"/>
      <c r="DQ18" s="349"/>
      <c r="DR18" s="349"/>
      <c r="DS18" s="348"/>
      <c r="DT18" s="348"/>
      <c r="DU18" s="348"/>
      <c r="DV18" s="348"/>
      <c r="DW18" s="348"/>
      <c r="DX18" s="348"/>
      <c r="DY18" s="348"/>
      <c r="DZ18" s="348"/>
      <c r="EA18" s="348"/>
      <c r="EB18" s="348"/>
      <c r="EC18" s="348"/>
      <c r="ED18" s="348"/>
      <c r="EE18" s="348"/>
      <c r="EF18" s="348"/>
      <c r="EG18" s="348"/>
      <c r="EH18" s="348"/>
      <c r="EI18" s="348"/>
      <c r="EJ18" s="348"/>
      <c r="EK18" s="2"/>
      <c r="EL18" s="2"/>
      <c r="EM18" s="2"/>
      <c r="EN18" s="12"/>
      <c r="EO18" s="3"/>
      <c r="EP18" s="333"/>
      <c r="EQ18" s="333"/>
      <c r="ER18" s="333"/>
      <c r="ES18" s="333"/>
      <c r="ET18" s="333"/>
      <c r="EU18" s="333"/>
      <c r="EV18" s="333"/>
      <c r="EW18" s="333"/>
      <c r="EX18" s="333"/>
      <c r="EY18" s="333"/>
      <c r="EZ18" s="333"/>
      <c r="FA18" s="333"/>
      <c r="FB18" s="333"/>
      <c r="FC18" s="13"/>
      <c r="FD18" s="13"/>
      <c r="FE18" s="13"/>
      <c r="FF18" s="334"/>
      <c r="FG18" s="334"/>
      <c r="FH18" s="334"/>
      <c r="FI18" s="334"/>
      <c r="FJ18" s="334"/>
      <c r="FK18" s="334"/>
      <c r="FL18" s="334"/>
      <c r="FM18" s="334"/>
      <c r="FN18" s="334"/>
      <c r="FO18" s="334"/>
      <c r="FP18" s="334"/>
      <c r="FQ18" s="334"/>
      <c r="FR18" s="334"/>
      <c r="FS18" s="334"/>
      <c r="FT18" s="334"/>
      <c r="FU18" s="334"/>
      <c r="FV18" s="334"/>
      <c r="FW18" s="334"/>
      <c r="FX18" s="334"/>
      <c r="FY18" s="334"/>
      <c r="FZ18" s="334"/>
      <c r="GA18" s="334"/>
      <c r="GB18" s="334"/>
      <c r="GC18" s="334"/>
      <c r="GD18" s="334"/>
      <c r="GE18" s="334"/>
      <c r="GF18" s="334"/>
      <c r="GG18" s="334"/>
      <c r="GH18" s="334"/>
      <c r="GI18" s="334"/>
      <c r="GJ18" s="334"/>
      <c r="GK18" s="334"/>
      <c r="GL18" s="334"/>
      <c r="GM18" s="334"/>
      <c r="GN18" s="334"/>
      <c r="GO18" s="334"/>
      <c r="GP18" s="334"/>
      <c r="GQ18" s="334"/>
      <c r="GR18" s="334"/>
      <c r="GS18" s="334"/>
      <c r="GT18" s="334"/>
      <c r="GU18" s="334"/>
      <c r="GV18" s="334"/>
      <c r="GW18" s="334"/>
      <c r="GX18" s="334"/>
      <c r="GY18" s="334"/>
      <c r="GZ18" s="334"/>
      <c r="HA18" s="334"/>
      <c r="HB18" s="334"/>
      <c r="HC18" s="334"/>
      <c r="HD18" s="334"/>
      <c r="HE18" s="334"/>
      <c r="HH18" s="20"/>
      <c r="HI18" s="335"/>
      <c r="HJ18" s="335"/>
      <c r="HK18" s="335"/>
      <c r="HL18" s="335"/>
      <c r="HM18" s="335"/>
      <c r="HN18" s="335"/>
      <c r="HP18" s="21"/>
      <c r="HQ18" s="22"/>
    </row>
    <row r="19" spans="2:225" ht="6" customHeight="1">
      <c r="B19" s="293"/>
      <c r="C19" s="336" t="s">
        <v>12</v>
      </c>
      <c r="D19" s="337"/>
      <c r="E19" s="337"/>
      <c r="F19" s="337"/>
      <c r="G19" s="337"/>
      <c r="H19" s="337"/>
      <c r="I19" s="337"/>
      <c r="J19" s="337"/>
      <c r="K19" s="337"/>
      <c r="L19" s="337"/>
      <c r="M19" s="337"/>
      <c r="N19" s="337"/>
      <c r="O19" s="337"/>
      <c r="P19" s="337"/>
      <c r="Q19" s="337"/>
      <c r="R19" s="298"/>
      <c r="S19" s="341" t="s">
        <v>13</v>
      </c>
      <c r="T19" s="342"/>
      <c r="U19" s="342"/>
      <c r="V19" s="342"/>
      <c r="W19" s="342"/>
      <c r="X19" s="342"/>
      <c r="Y19" s="342"/>
      <c r="Z19" s="342"/>
      <c r="AA19" s="342"/>
      <c r="AB19" s="342"/>
      <c r="AC19" s="342"/>
      <c r="AD19" s="342"/>
      <c r="AE19" s="342"/>
      <c r="AF19" s="342"/>
      <c r="AG19" s="342"/>
      <c r="AH19" s="342"/>
      <c r="AI19" s="342"/>
      <c r="AJ19" s="342"/>
      <c r="AK19" s="342"/>
      <c r="AL19" s="342"/>
      <c r="AM19" s="342"/>
      <c r="AN19" s="342"/>
      <c r="AO19" s="342"/>
      <c r="AP19" s="342"/>
      <c r="AQ19" s="342"/>
      <c r="AR19" s="342"/>
      <c r="AS19" s="342"/>
      <c r="AT19" s="342"/>
      <c r="AU19" s="342"/>
      <c r="AV19" s="342"/>
      <c r="AW19" s="342"/>
      <c r="AX19" s="342"/>
      <c r="AY19" s="342"/>
      <c r="AZ19" s="342"/>
      <c r="BA19" s="342"/>
      <c r="BB19" s="342"/>
      <c r="BC19" s="342"/>
      <c r="BD19" s="342"/>
      <c r="BE19" s="342"/>
      <c r="BF19" s="342"/>
      <c r="BG19" s="342"/>
      <c r="BH19" s="342"/>
      <c r="BI19" s="342"/>
      <c r="BJ19" s="342"/>
      <c r="BK19" s="342"/>
      <c r="BL19" s="342"/>
      <c r="BM19" s="343"/>
      <c r="BQ19" s="293"/>
      <c r="BR19" s="336" t="s">
        <v>14</v>
      </c>
      <c r="BS19" s="336"/>
      <c r="BT19" s="336"/>
      <c r="BU19" s="336"/>
      <c r="BV19" s="336"/>
      <c r="BW19" s="336"/>
      <c r="BX19" s="336"/>
      <c r="BY19" s="336"/>
      <c r="BZ19" s="336"/>
      <c r="CA19" s="336"/>
      <c r="CB19" s="336"/>
      <c r="CC19" s="298"/>
      <c r="CD19" s="318"/>
      <c r="CE19" s="319" t="s">
        <v>73</v>
      </c>
      <c r="CF19" s="319"/>
      <c r="CG19" s="319"/>
      <c r="CH19" s="319"/>
      <c r="CI19" s="319"/>
      <c r="CJ19" s="319"/>
      <c r="CK19" s="319"/>
      <c r="CL19" s="319"/>
      <c r="CM19" s="319"/>
      <c r="CN19" s="319"/>
      <c r="CO19" s="319"/>
      <c r="CP19" s="319"/>
      <c r="CQ19" s="319"/>
      <c r="CR19" s="319"/>
      <c r="CS19" s="319"/>
      <c r="CT19" s="319"/>
      <c r="CU19" s="319"/>
      <c r="CV19" s="319"/>
      <c r="CW19" s="319"/>
      <c r="CX19" s="319"/>
      <c r="CY19" s="319"/>
      <c r="CZ19" s="319"/>
      <c r="DA19" s="319"/>
      <c r="DB19" s="319"/>
      <c r="DC19" s="319"/>
      <c r="DD19" s="319"/>
      <c r="DE19" s="319"/>
      <c r="DF19" s="319"/>
      <c r="DG19" s="319"/>
      <c r="DH19" s="319"/>
      <c r="DI19" s="319"/>
      <c r="DJ19" s="319"/>
      <c r="DK19" s="319"/>
      <c r="DL19" s="319"/>
      <c r="DM19" s="319"/>
      <c r="DN19" s="319"/>
      <c r="DO19" s="319"/>
      <c r="DP19" s="319"/>
      <c r="DQ19" s="319"/>
      <c r="DR19" s="319"/>
      <c r="DS19" s="319"/>
      <c r="DT19" s="319"/>
      <c r="DU19" s="319"/>
      <c r="DV19" s="319"/>
      <c r="DW19" s="319"/>
      <c r="DX19" s="319"/>
      <c r="DY19" s="319"/>
      <c r="DZ19" s="319"/>
      <c r="EA19" s="319"/>
      <c r="EB19" s="319"/>
      <c r="EC19" s="319"/>
      <c r="ED19" s="319"/>
      <c r="EE19" s="319"/>
      <c r="EF19" s="319"/>
      <c r="EG19" s="319"/>
      <c r="EH19" s="319"/>
      <c r="EI19" s="319"/>
      <c r="EJ19" s="322"/>
      <c r="EK19" s="2"/>
      <c r="EL19" s="2"/>
      <c r="EM19" s="2"/>
      <c r="EN19" s="12"/>
      <c r="EO19" s="3"/>
      <c r="EP19" s="333"/>
      <c r="EQ19" s="333"/>
      <c r="ER19" s="333"/>
      <c r="ES19" s="333"/>
      <c r="ET19" s="333"/>
      <c r="EU19" s="333"/>
      <c r="EV19" s="333"/>
      <c r="EW19" s="333"/>
      <c r="EX19" s="333"/>
      <c r="EY19" s="333"/>
      <c r="EZ19" s="333"/>
      <c r="FA19" s="333"/>
      <c r="FB19" s="333"/>
      <c r="FC19" s="13"/>
      <c r="FD19" s="13"/>
      <c r="FE19" s="13"/>
      <c r="FF19" s="334"/>
      <c r="FG19" s="334"/>
      <c r="FH19" s="334"/>
      <c r="FI19" s="334"/>
      <c r="FJ19" s="334"/>
      <c r="FK19" s="334"/>
      <c r="FL19" s="334"/>
      <c r="FM19" s="334"/>
      <c r="FN19" s="334"/>
      <c r="FO19" s="334"/>
      <c r="FP19" s="334"/>
      <c r="FQ19" s="334"/>
      <c r="FR19" s="334"/>
      <c r="FS19" s="334"/>
      <c r="FT19" s="334"/>
      <c r="FU19" s="334"/>
      <c r="FV19" s="334"/>
      <c r="FW19" s="334"/>
      <c r="FX19" s="334"/>
      <c r="FY19" s="334"/>
      <c r="FZ19" s="334"/>
      <c r="GA19" s="334"/>
      <c r="GB19" s="334"/>
      <c r="GC19" s="334"/>
      <c r="GD19" s="334"/>
      <c r="GE19" s="334"/>
      <c r="GF19" s="334"/>
      <c r="GG19" s="334"/>
      <c r="GH19" s="334"/>
      <c r="GI19" s="334"/>
      <c r="GJ19" s="334"/>
      <c r="GK19" s="334"/>
      <c r="GL19" s="334"/>
      <c r="GM19" s="334"/>
      <c r="GN19" s="334"/>
      <c r="GO19" s="334"/>
      <c r="GP19" s="334"/>
      <c r="GQ19" s="334"/>
      <c r="GR19" s="334"/>
      <c r="GS19" s="334"/>
      <c r="GT19" s="334"/>
      <c r="GU19" s="334"/>
      <c r="GV19" s="334"/>
      <c r="GW19" s="334"/>
      <c r="GX19" s="334"/>
      <c r="GY19" s="334"/>
      <c r="GZ19" s="334"/>
      <c r="HA19" s="334"/>
      <c r="HB19" s="334"/>
      <c r="HC19" s="334"/>
      <c r="HD19" s="334"/>
      <c r="HE19" s="334"/>
      <c r="HH19" s="20"/>
      <c r="HI19" s="335"/>
      <c r="HJ19" s="335"/>
      <c r="HK19" s="335"/>
      <c r="HL19" s="335"/>
      <c r="HM19" s="335"/>
      <c r="HN19" s="335"/>
      <c r="HP19" s="21"/>
      <c r="HQ19" s="22"/>
    </row>
    <row r="20" spans="2:225" ht="6" customHeight="1">
      <c r="B20" s="294"/>
      <c r="C20" s="338"/>
      <c r="D20" s="339"/>
      <c r="E20" s="339"/>
      <c r="F20" s="339"/>
      <c r="G20" s="339"/>
      <c r="H20" s="339"/>
      <c r="I20" s="339"/>
      <c r="J20" s="339"/>
      <c r="K20" s="339"/>
      <c r="L20" s="339"/>
      <c r="M20" s="339"/>
      <c r="N20" s="339"/>
      <c r="O20" s="339"/>
      <c r="P20" s="339"/>
      <c r="Q20" s="339"/>
      <c r="R20" s="299"/>
      <c r="S20" s="344"/>
      <c r="T20" s="345"/>
      <c r="U20" s="345"/>
      <c r="V20" s="345"/>
      <c r="W20" s="345"/>
      <c r="X20" s="345"/>
      <c r="Y20" s="345"/>
      <c r="Z20" s="345"/>
      <c r="AA20" s="345"/>
      <c r="AB20" s="345"/>
      <c r="AC20" s="345"/>
      <c r="AD20" s="345"/>
      <c r="AE20" s="345"/>
      <c r="AF20" s="345"/>
      <c r="AG20" s="345"/>
      <c r="AH20" s="345"/>
      <c r="AI20" s="345"/>
      <c r="AJ20" s="345"/>
      <c r="AK20" s="345"/>
      <c r="AL20" s="345"/>
      <c r="AM20" s="345"/>
      <c r="AN20" s="345"/>
      <c r="AO20" s="345"/>
      <c r="AP20" s="345"/>
      <c r="AQ20" s="345"/>
      <c r="AR20" s="345"/>
      <c r="AS20" s="345"/>
      <c r="AT20" s="345"/>
      <c r="AU20" s="345"/>
      <c r="AV20" s="345"/>
      <c r="AW20" s="345"/>
      <c r="AX20" s="345"/>
      <c r="AY20" s="345"/>
      <c r="AZ20" s="345"/>
      <c r="BA20" s="345"/>
      <c r="BB20" s="345"/>
      <c r="BC20" s="345"/>
      <c r="BD20" s="345"/>
      <c r="BE20" s="345"/>
      <c r="BF20" s="345"/>
      <c r="BG20" s="345"/>
      <c r="BH20" s="345"/>
      <c r="BI20" s="345"/>
      <c r="BJ20" s="345"/>
      <c r="BK20" s="345"/>
      <c r="BL20" s="345"/>
      <c r="BM20" s="346"/>
      <c r="BQ20" s="294"/>
      <c r="BR20" s="338"/>
      <c r="BS20" s="338"/>
      <c r="BT20" s="338"/>
      <c r="BU20" s="338"/>
      <c r="BV20" s="338"/>
      <c r="BW20" s="338"/>
      <c r="BX20" s="338"/>
      <c r="BY20" s="338"/>
      <c r="BZ20" s="338"/>
      <c r="CA20" s="338"/>
      <c r="CB20" s="338"/>
      <c r="CC20" s="299"/>
      <c r="CD20" s="143"/>
      <c r="CE20" s="320"/>
      <c r="CF20" s="320"/>
      <c r="CG20" s="320"/>
      <c r="CH20" s="320"/>
      <c r="CI20" s="320"/>
      <c r="CJ20" s="320"/>
      <c r="CK20" s="320"/>
      <c r="CL20" s="320"/>
      <c r="CM20" s="320"/>
      <c r="CN20" s="320"/>
      <c r="CO20" s="320"/>
      <c r="CP20" s="320"/>
      <c r="CQ20" s="320"/>
      <c r="CR20" s="320"/>
      <c r="CS20" s="320"/>
      <c r="CT20" s="320"/>
      <c r="CU20" s="320"/>
      <c r="CV20" s="320"/>
      <c r="CW20" s="320"/>
      <c r="CX20" s="320"/>
      <c r="CY20" s="320"/>
      <c r="CZ20" s="320"/>
      <c r="DA20" s="320"/>
      <c r="DB20" s="320"/>
      <c r="DC20" s="320"/>
      <c r="DD20" s="320"/>
      <c r="DE20" s="320"/>
      <c r="DF20" s="320"/>
      <c r="DG20" s="320"/>
      <c r="DH20" s="320"/>
      <c r="DI20" s="320"/>
      <c r="DJ20" s="320"/>
      <c r="DK20" s="320"/>
      <c r="DL20" s="320"/>
      <c r="DM20" s="320"/>
      <c r="DN20" s="320"/>
      <c r="DO20" s="320"/>
      <c r="DP20" s="320"/>
      <c r="DQ20" s="320"/>
      <c r="DR20" s="320"/>
      <c r="DS20" s="320"/>
      <c r="DT20" s="320"/>
      <c r="DU20" s="320"/>
      <c r="DV20" s="320"/>
      <c r="DW20" s="320"/>
      <c r="DX20" s="320"/>
      <c r="DY20" s="320"/>
      <c r="DZ20" s="320"/>
      <c r="EA20" s="320"/>
      <c r="EB20" s="320"/>
      <c r="EC20" s="320"/>
      <c r="ED20" s="320"/>
      <c r="EE20" s="320"/>
      <c r="EF20" s="320"/>
      <c r="EG20" s="320"/>
      <c r="EH20" s="320"/>
      <c r="EI20" s="320"/>
      <c r="EJ20" s="323"/>
      <c r="EK20" s="2"/>
      <c r="EL20" s="2"/>
      <c r="EM20" s="2"/>
      <c r="EN20" s="12"/>
      <c r="EO20" s="3"/>
      <c r="EP20" s="3"/>
      <c r="EQ20" s="3"/>
      <c r="ER20" s="3"/>
      <c r="ES20" s="3"/>
      <c r="ET20" s="3"/>
      <c r="EU20" s="3"/>
      <c r="EV20" s="3"/>
      <c r="EW20" s="3"/>
      <c r="EX20" s="3"/>
      <c r="EY20" s="3"/>
      <c r="EZ20" s="3"/>
      <c r="FA20" s="3"/>
      <c r="FB20" s="3"/>
      <c r="FC20" s="3"/>
      <c r="FD20" s="3"/>
      <c r="FE20" s="3"/>
      <c r="FF20" s="27"/>
      <c r="FG20" s="27"/>
      <c r="FH20" s="27"/>
      <c r="FI20" s="28"/>
      <c r="FJ20" s="28"/>
      <c r="FK20" s="28"/>
      <c r="FL20" s="28"/>
      <c r="FM20" s="28"/>
      <c r="FN20" s="28"/>
      <c r="FO20" s="28"/>
      <c r="FP20" s="28"/>
      <c r="FQ20" s="28"/>
      <c r="FR20" s="28"/>
      <c r="FS20" s="28"/>
      <c r="FT20" s="28"/>
      <c r="FU20" s="28"/>
      <c r="FV20" s="28"/>
      <c r="FW20" s="28"/>
      <c r="FX20" s="28"/>
      <c r="FY20" s="28"/>
      <c r="FZ20" s="28"/>
      <c r="GA20" s="27"/>
      <c r="GB20" s="27"/>
      <c r="GC20" s="27"/>
      <c r="GD20" s="27"/>
      <c r="GE20" s="27"/>
      <c r="GF20" s="5"/>
      <c r="GG20" s="5"/>
      <c r="GH20" s="5"/>
      <c r="GI20" s="5"/>
      <c r="GJ20" s="5"/>
      <c r="GK20" s="5"/>
      <c r="GL20" s="5"/>
      <c r="GM20" s="5"/>
      <c r="GN20" s="5"/>
      <c r="GO20" s="5"/>
      <c r="GP20" s="5"/>
      <c r="GQ20" s="5"/>
      <c r="GR20" s="5"/>
      <c r="GS20" s="5"/>
      <c r="GT20" s="5"/>
      <c r="GU20" s="5"/>
      <c r="GV20" s="5"/>
      <c r="GW20" s="5"/>
      <c r="GX20" s="5"/>
      <c r="GY20" s="5"/>
      <c r="GZ20" s="5"/>
      <c r="HA20" s="5"/>
      <c r="HB20" s="5"/>
      <c r="HC20" s="5"/>
      <c r="HD20" s="5"/>
      <c r="HE20" s="5"/>
      <c r="HF20" s="5"/>
      <c r="HG20" s="5"/>
      <c r="HH20" s="20"/>
      <c r="HI20" s="20"/>
      <c r="HJ20" s="20"/>
      <c r="HK20" s="20"/>
      <c r="HL20" s="29"/>
      <c r="HM20" s="29"/>
      <c r="HN20" s="29"/>
      <c r="HO20" s="29"/>
      <c r="HP20" s="29"/>
      <c r="HQ20" s="30"/>
    </row>
    <row r="21" spans="2:225" ht="6" customHeight="1">
      <c r="B21" s="294"/>
      <c r="C21" s="339"/>
      <c r="D21" s="339"/>
      <c r="E21" s="339"/>
      <c r="F21" s="339"/>
      <c r="G21" s="339"/>
      <c r="H21" s="339"/>
      <c r="I21" s="339"/>
      <c r="J21" s="339"/>
      <c r="K21" s="339"/>
      <c r="L21" s="339"/>
      <c r="M21" s="339"/>
      <c r="N21" s="339"/>
      <c r="O21" s="339"/>
      <c r="P21" s="339"/>
      <c r="Q21" s="339"/>
      <c r="R21" s="299"/>
      <c r="S21" s="325">
        <f>GO84</f>
        <v>1152000</v>
      </c>
      <c r="T21" s="326"/>
      <c r="U21" s="326"/>
      <c r="V21" s="326"/>
      <c r="W21" s="326"/>
      <c r="X21" s="326"/>
      <c r="Y21" s="326"/>
      <c r="Z21" s="326"/>
      <c r="AA21" s="326"/>
      <c r="AB21" s="326"/>
      <c r="AC21" s="326"/>
      <c r="AD21" s="326"/>
      <c r="AE21" s="326"/>
      <c r="AF21" s="326"/>
      <c r="AG21" s="326"/>
      <c r="AH21" s="326"/>
      <c r="AI21" s="326"/>
      <c r="AJ21" s="326"/>
      <c r="AK21" s="326"/>
      <c r="AL21" s="326"/>
      <c r="AM21" s="326"/>
      <c r="AN21" s="326"/>
      <c r="AO21" s="326"/>
      <c r="AP21" s="326"/>
      <c r="AQ21" s="326"/>
      <c r="AR21" s="326"/>
      <c r="AS21" s="326"/>
      <c r="AT21" s="326"/>
      <c r="AU21" s="326"/>
      <c r="AV21" s="326"/>
      <c r="AW21" s="326"/>
      <c r="AX21" s="326"/>
      <c r="AY21" s="326"/>
      <c r="AZ21" s="326"/>
      <c r="BA21" s="326"/>
      <c r="BB21" s="326"/>
      <c r="BC21" s="326"/>
      <c r="BD21" s="326"/>
      <c r="BE21" s="326"/>
      <c r="BF21" s="326"/>
      <c r="BG21" s="326"/>
      <c r="BH21" s="326"/>
      <c r="BI21" s="326"/>
      <c r="BJ21" s="326"/>
      <c r="BK21" s="326"/>
      <c r="BL21" s="326"/>
      <c r="BM21" s="327"/>
      <c r="BQ21" s="294"/>
      <c r="BR21" s="338"/>
      <c r="BS21" s="338"/>
      <c r="BT21" s="338"/>
      <c r="BU21" s="338"/>
      <c r="BV21" s="338"/>
      <c r="BW21" s="338"/>
      <c r="BX21" s="338"/>
      <c r="BY21" s="338"/>
      <c r="BZ21" s="338"/>
      <c r="CA21" s="338"/>
      <c r="CB21" s="338"/>
      <c r="CC21" s="299"/>
      <c r="CD21" s="143"/>
      <c r="CE21" s="320"/>
      <c r="CF21" s="320"/>
      <c r="CG21" s="320"/>
      <c r="CH21" s="320"/>
      <c r="CI21" s="320"/>
      <c r="CJ21" s="320"/>
      <c r="CK21" s="320"/>
      <c r="CL21" s="320"/>
      <c r="CM21" s="320"/>
      <c r="CN21" s="320"/>
      <c r="CO21" s="320"/>
      <c r="CP21" s="320"/>
      <c r="CQ21" s="320"/>
      <c r="CR21" s="320"/>
      <c r="CS21" s="320"/>
      <c r="CT21" s="320"/>
      <c r="CU21" s="320"/>
      <c r="CV21" s="320"/>
      <c r="CW21" s="320"/>
      <c r="CX21" s="320"/>
      <c r="CY21" s="320"/>
      <c r="CZ21" s="320"/>
      <c r="DA21" s="320"/>
      <c r="DB21" s="320"/>
      <c r="DC21" s="320"/>
      <c r="DD21" s="320"/>
      <c r="DE21" s="320"/>
      <c r="DF21" s="320"/>
      <c r="DG21" s="320"/>
      <c r="DH21" s="320"/>
      <c r="DI21" s="320"/>
      <c r="DJ21" s="320"/>
      <c r="DK21" s="320"/>
      <c r="DL21" s="320"/>
      <c r="DM21" s="320"/>
      <c r="DN21" s="320"/>
      <c r="DO21" s="320"/>
      <c r="DP21" s="320"/>
      <c r="DQ21" s="320"/>
      <c r="DR21" s="320"/>
      <c r="DS21" s="320"/>
      <c r="DT21" s="320"/>
      <c r="DU21" s="320"/>
      <c r="DV21" s="320"/>
      <c r="DW21" s="320"/>
      <c r="DX21" s="320"/>
      <c r="DY21" s="320"/>
      <c r="DZ21" s="320"/>
      <c r="EA21" s="320"/>
      <c r="EB21" s="320"/>
      <c r="EC21" s="320"/>
      <c r="ED21" s="320"/>
      <c r="EE21" s="320"/>
      <c r="EF21" s="320"/>
      <c r="EG21" s="320"/>
      <c r="EH21" s="320"/>
      <c r="EI21" s="320"/>
      <c r="EJ21" s="323"/>
      <c r="EK21" s="2"/>
      <c r="EL21" s="2"/>
      <c r="EM21" s="2"/>
      <c r="EN21" s="12"/>
      <c r="EO21" s="3"/>
      <c r="EP21" s="3"/>
      <c r="EQ21" s="3"/>
      <c r="ER21" s="3"/>
      <c r="ES21" s="3"/>
      <c r="ET21" s="3"/>
      <c r="EU21" s="3"/>
      <c r="EV21" s="3"/>
      <c r="EW21" s="3"/>
      <c r="EX21" s="3"/>
      <c r="EY21" s="3"/>
      <c r="EZ21" s="3"/>
      <c r="FA21" s="3"/>
      <c r="FB21" s="3"/>
      <c r="FC21" s="3"/>
      <c r="FD21" s="3"/>
      <c r="FE21" s="3"/>
      <c r="FF21" s="27"/>
      <c r="FG21" s="27"/>
      <c r="FH21" s="27"/>
      <c r="FI21" s="28"/>
      <c r="FJ21" s="28"/>
      <c r="FK21" s="28"/>
      <c r="FL21" s="28"/>
      <c r="FM21" s="28"/>
      <c r="FN21" s="28"/>
      <c r="FO21" s="28"/>
      <c r="FP21" s="28"/>
      <c r="FQ21" s="28"/>
      <c r="FR21" s="28"/>
      <c r="FS21" s="28"/>
      <c r="FT21" s="28"/>
      <c r="FU21" s="28"/>
      <c r="FV21" s="28"/>
      <c r="FW21" s="28"/>
      <c r="FX21" s="28"/>
      <c r="FY21" s="28"/>
      <c r="FZ21" s="28"/>
      <c r="GA21" s="27"/>
      <c r="GB21" s="27"/>
      <c r="GC21" s="27"/>
      <c r="GD21" s="27"/>
      <c r="GE21" s="27"/>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20"/>
      <c r="HI21" s="20"/>
      <c r="HJ21" s="20"/>
      <c r="HK21" s="20"/>
      <c r="HL21" s="29"/>
      <c r="HM21" s="29"/>
      <c r="HN21" s="29"/>
      <c r="HO21" s="29"/>
      <c r="HP21" s="29"/>
      <c r="HQ21" s="30"/>
    </row>
    <row r="22" spans="2:225" ht="6" customHeight="1">
      <c r="B22" s="294"/>
      <c r="C22" s="339"/>
      <c r="D22" s="339"/>
      <c r="E22" s="339"/>
      <c r="F22" s="339"/>
      <c r="G22" s="339"/>
      <c r="H22" s="339"/>
      <c r="I22" s="339"/>
      <c r="J22" s="339"/>
      <c r="K22" s="339"/>
      <c r="L22" s="339"/>
      <c r="M22" s="339"/>
      <c r="N22" s="339"/>
      <c r="O22" s="339"/>
      <c r="P22" s="339"/>
      <c r="Q22" s="339"/>
      <c r="R22" s="299"/>
      <c r="S22" s="325"/>
      <c r="T22" s="326"/>
      <c r="U22" s="326"/>
      <c r="V22" s="326"/>
      <c r="W22" s="326"/>
      <c r="X22" s="326"/>
      <c r="Y22" s="326"/>
      <c r="Z22" s="326"/>
      <c r="AA22" s="326"/>
      <c r="AB22" s="326"/>
      <c r="AC22" s="326"/>
      <c r="AD22" s="326"/>
      <c r="AE22" s="326"/>
      <c r="AF22" s="326"/>
      <c r="AG22" s="326"/>
      <c r="AH22" s="326"/>
      <c r="AI22" s="326"/>
      <c r="AJ22" s="326"/>
      <c r="AK22" s="326"/>
      <c r="AL22" s="326"/>
      <c r="AM22" s="326"/>
      <c r="AN22" s="326"/>
      <c r="AO22" s="326"/>
      <c r="AP22" s="326"/>
      <c r="AQ22" s="326"/>
      <c r="AR22" s="326"/>
      <c r="AS22" s="326"/>
      <c r="AT22" s="326"/>
      <c r="AU22" s="326"/>
      <c r="AV22" s="326"/>
      <c r="AW22" s="326"/>
      <c r="AX22" s="326"/>
      <c r="AY22" s="326"/>
      <c r="AZ22" s="326"/>
      <c r="BA22" s="326"/>
      <c r="BB22" s="326"/>
      <c r="BC22" s="326"/>
      <c r="BD22" s="326"/>
      <c r="BE22" s="326"/>
      <c r="BF22" s="326"/>
      <c r="BG22" s="326"/>
      <c r="BH22" s="326"/>
      <c r="BI22" s="326"/>
      <c r="BJ22" s="326"/>
      <c r="BK22" s="326"/>
      <c r="BL22" s="326"/>
      <c r="BM22" s="327"/>
      <c r="BQ22" s="294"/>
      <c r="BR22" s="338"/>
      <c r="BS22" s="338"/>
      <c r="BT22" s="338"/>
      <c r="BU22" s="338"/>
      <c r="BV22" s="338"/>
      <c r="BW22" s="338"/>
      <c r="BX22" s="338"/>
      <c r="BY22" s="338"/>
      <c r="BZ22" s="338"/>
      <c r="CA22" s="338"/>
      <c r="CB22" s="338"/>
      <c r="CC22" s="299"/>
      <c r="CD22" s="143"/>
      <c r="CE22" s="320"/>
      <c r="CF22" s="320"/>
      <c r="CG22" s="320"/>
      <c r="CH22" s="320"/>
      <c r="CI22" s="320"/>
      <c r="CJ22" s="320"/>
      <c r="CK22" s="320"/>
      <c r="CL22" s="320"/>
      <c r="CM22" s="320"/>
      <c r="CN22" s="320"/>
      <c r="CO22" s="320"/>
      <c r="CP22" s="320"/>
      <c r="CQ22" s="320"/>
      <c r="CR22" s="320"/>
      <c r="CS22" s="320"/>
      <c r="CT22" s="320"/>
      <c r="CU22" s="320"/>
      <c r="CV22" s="320"/>
      <c r="CW22" s="320"/>
      <c r="CX22" s="320"/>
      <c r="CY22" s="320"/>
      <c r="CZ22" s="320"/>
      <c r="DA22" s="320"/>
      <c r="DB22" s="320"/>
      <c r="DC22" s="320"/>
      <c r="DD22" s="320"/>
      <c r="DE22" s="320"/>
      <c r="DF22" s="320"/>
      <c r="DG22" s="320"/>
      <c r="DH22" s="320"/>
      <c r="DI22" s="320"/>
      <c r="DJ22" s="320"/>
      <c r="DK22" s="320"/>
      <c r="DL22" s="320"/>
      <c r="DM22" s="320"/>
      <c r="DN22" s="320"/>
      <c r="DO22" s="320"/>
      <c r="DP22" s="320"/>
      <c r="DQ22" s="320"/>
      <c r="DR22" s="320"/>
      <c r="DS22" s="320"/>
      <c r="DT22" s="320"/>
      <c r="DU22" s="320"/>
      <c r="DV22" s="320"/>
      <c r="DW22" s="320"/>
      <c r="DX22" s="320"/>
      <c r="DY22" s="320"/>
      <c r="DZ22" s="320"/>
      <c r="EA22" s="320"/>
      <c r="EB22" s="320"/>
      <c r="EC22" s="320"/>
      <c r="ED22" s="320"/>
      <c r="EE22" s="320"/>
      <c r="EF22" s="320"/>
      <c r="EG22" s="320"/>
      <c r="EH22" s="320"/>
      <c r="EI22" s="320"/>
      <c r="EJ22" s="323"/>
      <c r="EK22" s="2"/>
      <c r="EL22" s="2"/>
      <c r="EM22" s="2"/>
      <c r="EN22" s="12"/>
      <c r="EO22" s="3"/>
      <c r="EP22" s="331" t="s">
        <v>15</v>
      </c>
      <c r="EQ22" s="331"/>
      <c r="ER22" s="331"/>
      <c r="ES22" s="331"/>
      <c r="ET22" s="331"/>
      <c r="EU22" s="331"/>
      <c r="EV22" s="331"/>
      <c r="EW22" s="331"/>
      <c r="EX22" s="331"/>
      <c r="EY22" s="331"/>
      <c r="EZ22" s="331"/>
      <c r="FA22" s="331"/>
      <c r="FB22" s="331"/>
      <c r="FC22" s="3"/>
      <c r="FD22" s="3"/>
      <c r="FE22" s="3"/>
      <c r="FF22" s="143" t="s">
        <v>16</v>
      </c>
      <c r="FG22" s="143"/>
      <c r="FH22" s="143"/>
      <c r="FI22" s="143"/>
      <c r="FJ22" s="313" t="s">
        <v>77</v>
      </c>
      <c r="FK22" s="313"/>
      <c r="FL22" s="313"/>
      <c r="FM22" s="313"/>
      <c r="FN22" s="313"/>
      <c r="FO22" s="313"/>
      <c r="FP22" s="313"/>
      <c r="FQ22" s="313"/>
      <c r="FR22" s="313"/>
      <c r="FS22" s="313"/>
      <c r="FT22" s="313"/>
      <c r="FU22" s="313"/>
      <c r="FV22" s="313"/>
      <c r="FW22" s="313"/>
      <c r="FX22" s="313"/>
      <c r="FY22" s="143" t="s">
        <v>78</v>
      </c>
      <c r="FZ22" s="143"/>
      <c r="GA22" s="143"/>
      <c r="GB22" s="143"/>
      <c r="GC22" s="313" t="s">
        <v>79</v>
      </c>
      <c r="GD22" s="313"/>
      <c r="GE22" s="313"/>
      <c r="GF22" s="313"/>
      <c r="GG22" s="313"/>
      <c r="GH22" s="313"/>
      <c r="GI22" s="313"/>
      <c r="GJ22" s="313"/>
      <c r="GK22" s="313"/>
      <c r="GL22" s="313"/>
      <c r="GM22" s="313"/>
      <c r="GN22" s="143" t="s">
        <v>78</v>
      </c>
      <c r="GO22" s="143"/>
      <c r="GP22" s="143"/>
      <c r="GQ22" s="143"/>
      <c r="GR22" s="313" t="s">
        <v>80</v>
      </c>
      <c r="GS22" s="313"/>
      <c r="GT22" s="313"/>
      <c r="GU22" s="313"/>
      <c r="GV22" s="313"/>
      <c r="GW22" s="313"/>
      <c r="GX22" s="313"/>
      <c r="GY22" s="313"/>
      <c r="GZ22" s="313"/>
      <c r="HA22" s="313"/>
      <c r="HB22" s="313"/>
      <c r="HC22" s="313"/>
      <c r="HD22" s="313"/>
      <c r="HE22" s="313"/>
      <c r="HF22" s="313"/>
      <c r="HG22" s="316"/>
      <c r="HH22" s="2"/>
      <c r="HI22" s="2"/>
      <c r="HJ22" s="2"/>
      <c r="HK22" s="2"/>
      <c r="HL22" s="3"/>
      <c r="HM22" s="3"/>
      <c r="HN22" s="2"/>
      <c r="HO22" s="2"/>
      <c r="HP22" s="2"/>
      <c r="HQ22" s="15"/>
    </row>
    <row r="23" spans="2:225" ht="6" customHeight="1">
      <c r="B23" s="294"/>
      <c r="C23" s="339"/>
      <c r="D23" s="339"/>
      <c r="E23" s="339"/>
      <c r="F23" s="339"/>
      <c r="G23" s="339"/>
      <c r="H23" s="339"/>
      <c r="I23" s="339"/>
      <c r="J23" s="339"/>
      <c r="K23" s="339"/>
      <c r="L23" s="339"/>
      <c r="M23" s="339"/>
      <c r="N23" s="339"/>
      <c r="O23" s="339"/>
      <c r="P23" s="339"/>
      <c r="Q23" s="339"/>
      <c r="R23" s="299"/>
      <c r="S23" s="325"/>
      <c r="T23" s="326"/>
      <c r="U23" s="326"/>
      <c r="V23" s="326"/>
      <c r="W23" s="326"/>
      <c r="X23" s="326"/>
      <c r="Y23" s="326"/>
      <c r="Z23" s="326"/>
      <c r="AA23" s="326"/>
      <c r="AB23" s="326"/>
      <c r="AC23" s="326"/>
      <c r="AD23" s="326"/>
      <c r="AE23" s="326"/>
      <c r="AF23" s="326"/>
      <c r="AG23" s="326"/>
      <c r="AH23" s="326"/>
      <c r="AI23" s="326"/>
      <c r="AJ23" s="326"/>
      <c r="AK23" s="326"/>
      <c r="AL23" s="326"/>
      <c r="AM23" s="326"/>
      <c r="AN23" s="326"/>
      <c r="AO23" s="326"/>
      <c r="AP23" s="326"/>
      <c r="AQ23" s="326"/>
      <c r="AR23" s="326"/>
      <c r="AS23" s="326"/>
      <c r="AT23" s="326"/>
      <c r="AU23" s="326"/>
      <c r="AV23" s="326"/>
      <c r="AW23" s="326"/>
      <c r="AX23" s="326"/>
      <c r="AY23" s="326"/>
      <c r="AZ23" s="326"/>
      <c r="BA23" s="326"/>
      <c r="BB23" s="326"/>
      <c r="BC23" s="326"/>
      <c r="BD23" s="326"/>
      <c r="BE23" s="326"/>
      <c r="BF23" s="326"/>
      <c r="BG23" s="326"/>
      <c r="BH23" s="326"/>
      <c r="BI23" s="326"/>
      <c r="BJ23" s="326"/>
      <c r="BK23" s="326"/>
      <c r="BL23" s="326"/>
      <c r="BM23" s="327"/>
      <c r="BQ23" s="294"/>
      <c r="BR23" s="338"/>
      <c r="BS23" s="338"/>
      <c r="BT23" s="338"/>
      <c r="BU23" s="338"/>
      <c r="BV23" s="338"/>
      <c r="BW23" s="338"/>
      <c r="BX23" s="338"/>
      <c r="BY23" s="338"/>
      <c r="BZ23" s="338"/>
      <c r="CA23" s="338"/>
      <c r="CB23" s="338"/>
      <c r="CC23" s="299"/>
      <c r="CD23" s="143"/>
      <c r="CE23" s="320"/>
      <c r="CF23" s="320"/>
      <c r="CG23" s="320"/>
      <c r="CH23" s="320"/>
      <c r="CI23" s="320"/>
      <c r="CJ23" s="320"/>
      <c r="CK23" s="320"/>
      <c r="CL23" s="320"/>
      <c r="CM23" s="320"/>
      <c r="CN23" s="320"/>
      <c r="CO23" s="320"/>
      <c r="CP23" s="320"/>
      <c r="CQ23" s="320"/>
      <c r="CR23" s="320"/>
      <c r="CS23" s="320"/>
      <c r="CT23" s="320"/>
      <c r="CU23" s="320"/>
      <c r="CV23" s="320"/>
      <c r="CW23" s="320"/>
      <c r="CX23" s="320"/>
      <c r="CY23" s="320"/>
      <c r="CZ23" s="320"/>
      <c r="DA23" s="320"/>
      <c r="DB23" s="320"/>
      <c r="DC23" s="320"/>
      <c r="DD23" s="320"/>
      <c r="DE23" s="320"/>
      <c r="DF23" s="320"/>
      <c r="DG23" s="320"/>
      <c r="DH23" s="320"/>
      <c r="DI23" s="320"/>
      <c r="DJ23" s="320"/>
      <c r="DK23" s="320"/>
      <c r="DL23" s="320"/>
      <c r="DM23" s="320"/>
      <c r="DN23" s="320"/>
      <c r="DO23" s="320"/>
      <c r="DP23" s="320"/>
      <c r="DQ23" s="320"/>
      <c r="DR23" s="320"/>
      <c r="DS23" s="320"/>
      <c r="DT23" s="320"/>
      <c r="DU23" s="320"/>
      <c r="DV23" s="320"/>
      <c r="DW23" s="320"/>
      <c r="DX23" s="320"/>
      <c r="DY23" s="320"/>
      <c r="DZ23" s="320"/>
      <c r="EA23" s="320"/>
      <c r="EB23" s="320"/>
      <c r="EC23" s="320"/>
      <c r="ED23" s="320"/>
      <c r="EE23" s="320"/>
      <c r="EF23" s="320"/>
      <c r="EG23" s="320"/>
      <c r="EH23" s="320"/>
      <c r="EI23" s="320"/>
      <c r="EJ23" s="323"/>
      <c r="EK23" s="2"/>
      <c r="EL23" s="2"/>
      <c r="EM23" s="2"/>
      <c r="EN23" s="12"/>
      <c r="EO23" s="3"/>
      <c r="EP23" s="331"/>
      <c r="EQ23" s="331"/>
      <c r="ER23" s="331"/>
      <c r="ES23" s="331"/>
      <c r="ET23" s="331"/>
      <c r="EU23" s="331"/>
      <c r="EV23" s="331"/>
      <c r="EW23" s="331"/>
      <c r="EX23" s="331"/>
      <c r="EY23" s="331"/>
      <c r="EZ23" s="331"/>
      <c r="FA23" s="331"/>
      <c r="FB23" s="331"/>
      <c r="FC23" s="3"/>
      <c r="FD23" s="3"/>
      <c r="FE23" s="3"/>
      <c r="FF23" s="143"/>
      <c r="FG23" s="143"/>
      <c r="FH23" s="143"/>
      <c r="FI23" s="143"/>
      <c r="FJ23" s="313"/>
      <c r="FK23" s="313"/>
      <c r="FL23" s="313"/>
      <c r="FM23" s="313"/>
      <c r="FN23" s="313"/>
      <c r="FO23" s="313"/>
      <c r="FP23" s="313"/>
      <c r="FQ23" s="313"/>
      <c r="FR23" s="313"/>
      <c r="FS23" s="313"/>
      <c r="FT23" s="313"/>
      <c r="FU23" s="313"/>
      <c r="FV23" s="313"/>
      <c r="FW23" s="313"/>
      <c r="FX23" s="313"/>
      <c r="FY23" s="143"/>
      <c r="FZ23" s="143"/>
      <c r="GA23" s="143"/>
      <c r="GB23" s="143"/>
      <c r="GC23" s="313"/>
      <c r="GD23" s="313"/>
      <c r="GE23" s="313"/>
      <c r="GF23" s="313"/>
      <c r="GG23" s="313"/>
      <c r="GH23" s="313"/>
      <c r="GI23" s="313"/>
      <c r="GJ23" s="313"/>
      <c r="GK23" s="313"/>
      <c r="GL23" s="313"/>
      <c r="GM23" s="313"/>
      <c r="GN23" s="143"/>
      <c r="GO23" s="143"/>
      <c r="GP23" s="143"/>
      <c r="GQ23" s="143"/>
      <c r="GR23" s="313"/>
      <c r="GS23" s="313"/>
      <c r="GT23" s="313"/>
      <c r="GU23" s="313"/>
      <c r="GV23" s="313"/>
      <c r="GW23" s="313"/>
      <c r="GX23" s="313"/>
      <c r="GY23" s="313"/>
      <c r="GZ23" s="313"/>
      <c r="HA23" s="313"/>
      <c r="HB23" s="313"/>
      <c r="HC23" s="313"/>
      <c r="HD23" s="313"/>
      <c r="HE23" s="313"/>
      <c r="HF23" s="313"/>
      <c r="HG23" s="316"/>
      <c r="HH23" s="2"/>
      <c r="HI23" s="2"/>
      <c r="HJ23" s="2"/>
      <c r="HK23" s="2"/>
      <c r="HL23" s="3"/>
      <c r="HM23" s="3"/>
      <c r="HN23" s="2"/>
      <c r="HO23" s="2"/>
      <c r="HP23" s="2"/>
      <c r="HQ23" s="15"/>
    </row>
    <row r="24" spans="2:225" ht="6" customHeight="1">
      <c r="B24" s="297"/>
      <c r="C24" s="340"/>
      <c r="D24" s="340"/>
      <c r="E24" s="340"/>
      <c r="F24" s="340"/>
      <c r="G24" s="340"/>
      <c r="H24" s="340"/>
      <c r="I24" s="340"/>
      <c r="J24" s="340"/>
      <c r="K24" s="340"/>
      <c r="L24" s="340"/>
      <c r="M24" s="340"/>
      <c r="N24" s="340"/>
      <c r="O24" s="340"/>
      <c r="P24" s="340"/>
      <c r="Q24" s="340"/>
      <c r="R24" s="300"/>
      <c r="S24" s="328"/>
      <c r="T24" s="329"/>
      <c r="U24" s="329"/>
      <c r="V24" s="329"/>
      <c r="W24" s="329"/>
      <c r="X24" s="329"/>
      <c r="Y24" s="329"/>
      <c r="Z24" s="329"/>
      <c r="AA24" s="329"/>
      <c r="AB24" s="329"/>
      <c r="AC24" s="329"/>
      <c r="AD24" s="329"/>
      <c r="AE24" s="329"/>
      <c r="AF24" s="329"/>
      <c r="AG24" s="329"/>
      <c r="AH24" s="329"/>
      <c r="AI24" s="329"/>
      <c r="AJ24" s="329"/>
      <c r="AK24" s="329"/>
      <c r="AL24" s="329"/>
      <c r="AM24" s="329"/>
      <c r="AN24" s="329"/>
      <c r="AO24" s="329"/>
      <c r="AP24" s="329"/>
      <c r="AQ24" s="329"/>
      <c r="AR24" s="329"/>
      <c r="AS24" s="329"/>
      <c r="AT24" s="329"/>
      <c r="AU24" s="329"/>
      <c r="AV24" s="329"/>
      <c r="AW24" s="329"/>
      <c r="AX24" s="329"/>
      <c r="AY24" s="329"/>
      <c r="AZ24" s="329"/>
      <c r="BA24" s="329"/>
      <c r="BB24" s="329"/>
      <c r="BC24" s="329"/>
      <c r="BD24" s="329"/>
      <c r="BE24" s="329"/>
      <c r="BF24" s="329"/>
      <c r="BG24" s="329"/>
      <c r="BH24" s="329"/>
      <c r="BI24" s="329"/>
      <c r="BJ24" s="329"/>
      <c r="BK24" s="329"/>
      <c r="BL24" s="329"/>
      <c r="BM24" s="330"/>
      <c r="BQ24" s="297"/>
      <c r="BR24" s="347"/>
      <c r="BS24" s="347"/>
      <c r="BT24" s="347"/>
      <c r="BU24" s="347"/>
      <c r="BV24" s="347"/>
      <c r="BW24" s="347"/>
      <c r="BX24" s="347"/>
      <c r="BY24" s="347"/>
      <c r="BZ24" s="347"/>
      <c r="CA24" s="347"/>
      <c r="CB24" s="347"/>
      <c r="CC24" s="300"/>
      <c r="CD24" s="315"/>
      <c r="CE24" s="321"/>
      <c r="CF24" s="321"/>
      <c r="CG24" s="321"/>
      <c r="CH24" s="321"/>
      <c r="CI24" s="321"/>
      <c r="CJ24" s="321"/>
      <c r="CK24" s="321"/>
      <c r="CL24" s="321"/>
      <c r="CM24" s="321"/>
      <c r="CN24" s="321"/>
      <c r="CO24" s="321"/>
      <c r="CP24" s="321"/>
      <c r="CQ24" s="321"/>
      <c r="CR24" s="321"/>
      <c r="CS24" s="321"/>
      <c r="CT24" s="321"/>
      <c r="CU24" s="321"/>
      <c r="CV24" s="321"/>
      <c r="CW24" s="321"/>
      <c r="CX24" s="321"/>
      <c r="CY24" s="321"/>
      <c r="CZ24" s="321"/>
      <c r="DA24" s="321"/>
      <c r="DB24" s="321"/>
      <c r="DC24" s="321"/>
      <c r="DD24" s="321"/>
      <c r="DE24" s="321"/>
      <c r="DF24" s="321"/>
      <c r="DG24" s="321"/>
      <c r="DH24" s="321"/>
      <c r="DI24" s="321"/>
      <c r="DJ24" s="321"/>
      <c r="DK24" s="321"/>
      <c r="DL24" s="321"/>
      <c r="DM24" s="321"/>
      <c r="DN24" s="321"/>
      <c r="DO24" s="321"/>
      <c r="DP24" s="321"/>
      <c r="DQ24" s="321"/>
      <c r="DR24" s="321"/>
      <c r="DS24" s="321"/>
      <c r="DT24" s="321"/>
      <c r="DU24" s="321"/>
      <c r="DV24" s="321"/>
      <c r="DW24" s="321"/>
      <c r="DX24" s="321"/>
      <c r="DY24" s="321"/>
      <c r="DZ24" s="321"/>
      <c r="EA24" s="321"/>
      <c r="EB24" s="321"/>
      <c r="EC24" s="321"/>
      <c r="ED24" s="321"/>
      <c r="EE24" s="321"/>
      <c r="EF24" s="321"/>
      <c r="EG24" s="321"/>
      <c r="EH24" s="321"/>
      <c r="EI24" s="321"/>
      <c r="EJ24" s="324"/>
      <c r="EK24" s="2"/>
      <c r="EL24" s="2"/>
      <c r="EM24" s="2"/>
      <c r="EN24" s="31"/>
      <c r="EO24" s="32"/>
      <c r="EP24" s="332"/>
      <c r="EQ24" s="332"/>
      <c r="ER24" s="332"/>
      <c r="ES24" s="332"/>
      <c r="ET24" s="332"/>
      <c r="EU24" s="332"/>
      <c r="EV24" s="332"/>
      <c r="EW24" s="332"/>
      <c r="EX24" s="332"/>
      <c r="EY24" s="332"/>
      <c r="EZ24" s="332"/>
      <c r="FA24" s="332"/>
      <c r="FB24" s="332"/>
      <c r="FC24" s="32"/>
      <c r="FD24" s="32"/>
      <c r="FE24" s="32"/>
      <c r="FF24" s="315"/>
      <c r="FG24" s="315"/>
      <c r="FH24" s="315"/>
      <c r="FI24" s="315"/>
      <c r="FJ24" s="314"/>
      <c r="FK24" s="314"/>
      <c r="FL24" s="314"/>
      <c r="FM24" s="314"/>
      <c r="FN24" s="314"/>
      <c r="FO24" s="314"/>
      <c r="FP24" s="314"/>
      <c r="FQ24" s="314"/>
      <c r="FR24" s="314"/>
      <c r="FS24" s="314"/>
      <c r="FT24" s="314"/>
      <c r="FU24" s="314"/>
      <c r="FV24" s="314"/>
      <c r="FW24" s="314"/>
      <c r="FX24" s="314"/>
      <c r="FY24" s="315"/>
      <c r="FZ24" s="315"/>
      <c r="GA24" s="315"/>
      <c r="GB24" s="315"/>
      <c r="GC24" s="314"/>
      <c r="GD24" s="314"/>
      <c r="GE24" s="314"/>
      <c r="GF24" s="314"/>
      <c r="GG24" s="314"/>
      <c r="GH24" s="314"/>
      <c r="GI24" s="314"/>
      <c r="GJ24" s="314"/>
      <c r="GK24" s="314"/>
      <c r="GL24" s="314"/>
      <c r="GM24" s="314"/>
      <c r="GN24" s="315"/>
      <c r="GO24" s="315"/>
      <c r="GP24" s="315"/>
      <c r="GQ24" s="315"/>
      <c r="GR24" s="314"/>
      <c r="GS24" s="314"/>
      <c r="GT24" s="314"/>
      <c r="GU24" s="314"/>
      <c r="GV24" s="314"/>
      <c r="GW24" s="314"/>
      <c r="GX24" s="314"/>
      <c r="GY24" s="314"/>
      <c r="GZ24" s="314"/>
      <c r="HA24" s="314"/>
      <c r="HB24" s="314"/>
      <c r="HC24" s="314"/>
      <c r="HD24" s="314"/>
      <c r="HE24" s="314"/>
      <c r="HF24" s="314"/>
      <c r="HG24" s="317"/>
      <c r="HH24" s="32"/>
      <c r="HI24" s="32"/>
      <c r="HJ24" s="32"/>
      <c r="HK24" s="32"/>
      <c r="HL24" s="32"/>
      <c r="HM24" s="32"/>
      <c r="HN24" s="33"/>
      <c r="HO24" s="33"/>
      <c r="HP24" s="33"/>
      <c r="HQ24" s="34"/>
    </row>
    <row r="25" spans="2:225" ht="6" customHeight="1">
      <c r="BM25" s="35"/>
    </row>
    <row r="26" spans="2:225" ht="6" customHeight="1">
      <c r="BN26" s="35"/>
      <c r="BY26" s="2"/>
      <c r="BZ26" s="2"/>
      <c r="CA26" s="311" t="s">
        <v>17</v>
      </c>
      <c r="CB26" s="311"/>
      <c r="CC26" s="311"/>
      <c r="CD26" s="311"/>
      <c r="CE26" s="311"/>
      <c r="CF26" s="311"/>
      <c r="CG26" s="311"/>
      <c r="CH26" s="311"/>
      <c r="CI26" s="311"/>
      <c r="CJ26" s="311"/>
      <c r="CK26" s="311"/>
      <c r="CL26" s="311"/>
      <c r="CM26" s="311"/>
      <c r="CN26" s="311"/>
      <c r="CO26" s="311"/>
      <c r="CP26" s="311"/>
      <c r="CQ26" s="311"/>
      <c r="CR26" s="311"/>
      <c r="CS26" s="311"/>
      <c r="CT26" s="311"/>
      <c r="CU26" s="311"/>
      <c r="CV26" s="311"/>
      <c r="CW26" s="311"/>
      <c r="CX26" s="311"/>
      <c r="CY26" s="311"/>
      <c r="CZ26" s="311"/>
      <c r="DA26" s="311"/>
      <c r="DB26" s="311"/>
      <c r="DC26" s="311"/>
      <c r="DD26" s="311"/>
      <c r="DE26" s="311"/>
      <c r="DF26" s="311"/>
      <c r="DG26" s="311"/>
      <c r="DH26" s="311"/>
      <c r="DI26" s="311"/>
      <c r="DJ26" s="311"/>
      <c r="DK26" s="311"/>
      <c r="DL26" s="311"/>
      <c r="DM26" s="311"/>
      <c r="DN26" s="311"/>
      <c r="DO26" s="311"/>
      <c r="DP26" s="311"/>
      <c r="DQ26" s="311"/>
      <c r="DR26" s="311"/>
      <c r="DS26" s="311"/>
      <c r="DT26" s="311"/>
      <c r="DU26" s="311"/>
      <c r="DV26" s="311"/>
      <c r="DW26" s="311"/>
      <c r="DX26" s="311"/>
      <c r="DY26" s="311"/>
      <c r="DZ26" s="311"/>
      <c r="EA26" s="311"/>
      <c r="EB26" s="311"/>
      <c r="EC26" s="311"/>
      <c r="ED26" s="311"/>
      <c r="EE26" s="311"/>
      <c r="EF26" s="311"/>
      <c r="EG26" s="311"/>
      <c r="EH26" s="311"/>
      <c r="EI26" s="311"/>
      <c r="EJ26" s="311"/>
      <c r="EK26" s="311"/>
      <c r="EL26" s="311"/>
      <c r="EM26" s="311"/>
      <c r="EN26" s="311"/>
      <c r="EO26" s="311"/>
      <c r="EP26" s="311"/>
      <c r="EQ26" s="311"/>
      <c r="ER26" s="311"/>
      <c r="ES26" s="311"/>
      <c r="ET26" s="311"/>
      <c r="EU26" s="311"/>
      <c r="EV26" s="311"/>
      <c r="EW26" s="311"/>
      <c r="EX26" s="311"/>
      <c r="EY26" s="311"/>
      <c r="EZ26" s="311"/>
      <c r="FA26" s="311"/>
      <c r="FB26" s="311"/>
      <c r="FC26" s="311"/>
      <c r="FD26" s="311"/>
      <c r="FE26" s="311"/>
      <c r="FF26" s="311"/>
    </row>
    <row r="27" spans="2:225" ht="6" customHeight="1">
      <c r="B27" s="293"/>
      <c r="C27" s="36"/>
      <c r="D27" s="36"/>
      <c r="E27" s="36"/>
      <c r="F27" s="36"/>
      <c r="G27" s="36"/>
      <c r="H27" s="36"/>
      <c r="I27" s="36"/>
      <c r="J27" s="36"/>
      <c r="K27" s="36"/>
      <c r="L27" s="36"/>
      <c r="M27" s="36"/>
      <c r="N27" s="36"/>
      <c r="O27" s="36"/>
      <c r="P27" s="36"/>
      <c r="Q27" s="36"/>
      <c r="R27" s="295"/>
      <c r="S27" s="293"/>
      <c r="T27" s="281" t="s">
        <v>18</v>
      </c>
      <c r="U27" s="281"/>
      <c r="V27" s="281"/>
      <c r="W27" s="281"/>
      <c r="X27" s="281"/>
      <c r="Y27" s="281"/>
      <c r="Z27" s="281"/>
      <c r="AA27" s="281"/>
      <c r="AB27" s="281"/>
      <c r="AC27" s="281"/>
      <c r="AD27" s="298"/>
      <c r="AE27" s="293"/>
      <c r="AF27" s="281" t="s">
        <v>19</v>
      </c>
      <c r="AG27" s="281"/>
      <c r="AH27" s="281"/>
      <c r="AI27" s="281"/>
      <c r="AJ27" s="281"/>
      <c r="AK27" s="281"/>
      <c r="AL27" s="281"/>
      <c r="AM27" s="281"/>
      <c r="AN27" s="281"/>
      <c r="AO27" s="281"/>
      <c r="AP27" s="298"/>
      <c r="AQ27" s="293"/>
      <c r="AR27" s="281" t="s">
        <v>20</v>
      </c>
      <c r="AS27" s="281"/>
      <c r="AT27" s="281"/>
      <c r="AU27" s="281"/>
      <c r="AV27" s="281"/>
      <c r="AW27" s="281"/>
      <c r="AX27" s="281"/>
      <c r="AY27" s="281"/>
      <c r="AZ27" s="281"/>
      <c r="BA27" s="281"/>
      <c r="BB27" s="298"/>
      <c r="BD27" s="280" t="s">
        <v>21</v>
      </c>
      <c r="BE27" s="281"/>
      <c r="BF27" s="281"/>
      <c r="BG27" s="281"/>
      <c r="BH27" s="281"/>
      <c r="BI27" s="281"/>
      <c r="BJ27" s="281"/>
      <c r="BK27" s="281"/>
      <c r="BL27" s="281"/>
      <c r="BM27" s="281"/>
      <c r="BN27" s="281"/>
      <c r="BO27" s="281"/>
      <c r="BP27" s="281"/>
      <c r="BQ27" s="281"/>
      <c r="BR27" s="281"/>
      <c r="BS27" s="281"/>
      <c r="BT27" s="281"/>
      <c r="BU27" s="281"/>
      <c r="BV27" s="281"/>
      <c r="BW27" s="281"/>
      <c r="BX27" s="281"/>
      <c r="BY27" s="282"/>
      <c r="BZ27" s="2"/>
      <c r="CA27" s="312"/>
      <c r="CB27" s="312"/>
      <c r="CC27" s="312"/>
      <c r="CD27" s="312"/>
      <c r="CE27" s="312"/>
      <c r="CF27" s="312"/>
      <c r="CG27" s="312"/>
      <c r="CH27" s="312"/>
      <c r="CI27" s="312"/>
      <c r="CJ27" s="312"/>
      <c r="CK27" s="312"/>
      <c r="CL27" s="312"/>
      <c r="CM27" s="312"/>
      <c r="CN27" s="312"/>
      <c r="CO27" s="312"/>
      <c r="CP27" s="312"/>
      <c r="CQ27" s="312"/>
      <c r="CR27" s="312"/>
      <c r="CS27" s="312"/>
      <c r="CT27" s="312"/>
      <c r="CU27" s="312"/>
      <c r="CV27" s="312"/>
      <c r="CW27" s="312"/>
      <c r="CX27" s="312"/>
      <c r="CY27" s="312"/>
      <c r="CZ27" s="312"/>
      <c r="DA27" s="312"/>
      <c r="DB27" s="312"/>
      <c r="DC27" s="312"/>
      <c r="DD27" s="312"/>
      <c r="DE27" s="312"/>
      <c r="DF27" s="312"/>
      <c r="DG27" s="312"/>
      <c r="DH27" s="312"/>
      <c r="DI27" s="312"/>
      <c r="DJ27" s="312"/>
      <c r="DK27" s="312"/>
      <c r="DL27" s="312"/>
      <c r="DM27" s="312"/>
      <c r="DN27" s="312"/>
      <c r="DO27" s="312"/>
      <c r="DP27" s="312"/>
      <c r="DQ27" s="312"/>
      <c r="DR27" s="312"/>
      <c r="DS27" s="312"/>
      <c r="DT27" s="312"/>
      <c r="DU27" s="312"/>
      <c r="DV27" s="312"/>
      <c r="DW27" s="312"/>
      <c r="DX27" s="312"/>
      <c r="DY27" s="312"/>
      <c r="DZ27" s="312"/>
      <c r="EA27" s="312"/>
      <c r="EB27" s="312"/>
      <c r="EC27" s="312"/>
      <c r="ED27" s="312"/>
      <c r="EE27" s="312"/>
      <c r="EF27" s="312"/>
      <c r="EG27" s="312"/>
      <c r="EH27" s="312"/>
      <c r="EI27" s="312"/>
      <c r="EJ27" s="312"/>
      <c r="EK27" s="312"/>
      <c r="EL27" s="312"/>
      <c r="EM27" s="312"/>
      <c r="EN27" s="312"/>
      <c r="EO27" s="312"/>
      <c r="EP27" s="312"/>
      <c r="EQ27" s="312"/>
      <c r="ER27" s="312"/>
      <c r="ES27" s="312"/>
      <c r="ET27" s="312"/>
      <c r="EU27" s="312"/>
      <c r="EV27" s="312"/>
      <c r="EW27" s="312"/>
      <c r="EX27" s="312"/>
      <c r="EY27" s="312"/>
      <c r="EZ27" s="312"/>
      <c r="FA27" s="312"/>
      <c r="FB27" s="312"/>
      <c r="FC27" s="312"/>
      <c r="FD27" s="312"/>
      <c r="FE27" s="312"/>
      <c r="FF27" s="31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row>
    <row r="28" spans="2:225" ht="6" customHeight="1">
      <c r="B28" s="294"/>
      <c r="C28" s="278" t="s">
        <v>22</v>
      </c>
      <c r="D28" s="278"/>
      <c r="E28" s="278"/>
      <c r="F28" s="278"/>
      <c r="G28" s="278"/>
      <c r="H28" s="278"/>
      <c r="I28" s="278"/>
      <c r="J28" s="278"/>
      <c r="K28" s="278"/>
      <c r="L28" s="278"/>
      <c r="M28" s="278"/>
      <c r="N28" s="278"/>
      <c r="O28" s="278"/>
      <c r="P28" s="278"/>
      <c r="Q28" s="278"/>
      <c r="R28" s="296"/>
      <c r="S28" s="294"/>
      <c r="T28" s="284"/>
      <c r="U28" s="284"/>
      <c r="V28" s="284"/>
      <c r="W28" s="284"/>
      <c r="X28" s="284"/>
      <c r="Y28" s="284"/>
      <c r="Z28" s="284"/>
      <c r="AA28" s="284"/>
      <c r="AB28" s="284"/>
      <c r="AC28" s="284"/>
      <c r="AD28" s="299"/>
      <c r="AE28" s="294"/>
      <c r="AF28" s="284"/>
      <c r="AG28" s="284"/>
      <c r="AH28" s="284"/>
      <c r="AI28" s="284"/>
      <c r="AJ28" s="284"/>
      <c r="AK28" s="284"/>
      <c r="AL28" s="284"/>
      <c r="AM28" s="284"/>
      <c r="AN28" s="284"/>
      <c r="AO28" s="284"/>
      <c r="AP28" s="299"/>
      <c r="AQ28" s="294"/>
      <c r="AR28" s="284"/>
      <c r="AS28" s="284"/>
      <c r="AT28" s="284"/>
      <c r="AU28" s="284"/>
      <c r="AV28" s="284"/>
      <c r="AW28" s="284"/>
      <c r="AX28" s="284"/>
      <c r="AY28" s="284"/>
      <c r="AZ28" s="284"/>
      <c r="BA28" s="284"/>
      <c r="BB28" s="299"/>
      <c r="BD28" s="283"/>
      <c r="BE28" s="284"/>
      <c r="BF28" s="284"/>
      <c r="BG28" s="284"/>
      <c r="BH28" s="284"/>
      <c r="BI28" s="284"/>
      <c r="BJ28" s="284"/>
      <c r="BK28" s="284"/>
      <c r="BL28" s="284"/>
      <c r="BM28" s="284"/>
      <c r="BN28" s="284"/>
      <c r="BO28" s="284"/>
      <c r="BP28" s="284"/>
      <c r="BQ28" s="284"/>
      <c r="BR28" s="284"/>
      <c r="BS28" s="284"/>
      <c r="BT28" s="284"/>
      <c r="BU28" s="284"/>
      <c r="BV28" s="284"/>
      <c r="BW28" s="284"/>
      <c r="BX28" s="284"/>
      <c r="BY28" s="285"/>
      <c r="BZ28" s="2"/>
      <c r="CA28" s="37"/>
      <c r="CB28" s="38"/>
      <c r="CC28" s="289" t="s">
        <v>23</v>
      </c>
      <c r="CD28" s="289"/>
      <c r="CE28" s="289"/>
      <c r="CF28" s="289"/>
      <c r="CG28" s="289"/>
      <c r="CH28" s="289"/>
      <c r="CI28" s="289"/>
      <c r="CJ28" s="289"/>
      <c r="CK28" s="289"/>
      <c r="CL28" s="289"/>
      <c r="CM28" s="289"/>
      <c r="CN28" s="289"/>
      <c r="CO28" s="289"/>
      <c r="CP28" s="289"/>
      <c r="CQ28" s="289"/>
      <c r="CR28" s="289"/>
      <c r="CS28" s="289"/>
      <c r="CT28" s="38"/>
      <c r="CU28" s="39"/>
      <c r="CV28" s="37"/>
      <c r="CW28" s="38"/>
      <c r="CX28" s="289" t="s">
        <v>24</v>
      </c>
      <c r="CY28" s="289"/>
      <c r="CZ28" s="289"/>
      <c r="DA28" s="289"/>
      <c r="DB28" s="289"/>
      <c r="DC28" s="289"/>
      <c r="DD28" s="289"/>
      <c r="DE28" s="289"/>
      <c r="DF28" s="289"/>
      <c r="DG28" s="289"/>
      <c r="DH28" s="289"/>
      <c r="DI28" s="289"/>
      <c r="DJ28" s="289"/>
      <c r="DK28" s="289"/>
      <c r="DL28" s="289"/>
      <c r="DM28" s="289"/>
      <c r="DN28" s="289"/>
      <c r="DO28" s="38"/>
      <c r="DP28" s="39"/>
      <c r="DQ28" s="37"/>
      <c r="DR28" s="38"/>
      <c r="DS28" s="289" t="s">
        <v>25</v>
      </c>
      <c r="DT28" s="289"/>
      <c r="DU28" s="289"/>
      <c r="DV28" s="289"/>
      <c r="DW28" s="289"/>
      <c r="DX28" s="289"/>
      <c r="DY28" s="289"/>
      <c r="DZ28" s="289"/>
      <c r="EA28" s="289"/>
      <c r="EB28" s="289"/>
      <c r="EC28" s="289"/>
      <c r="ED28" s="289"/>
      <c r="EE28" s="289"/>
      <c r="EF28" s="289"/>
      <c r="EG28" s="289"/>
      <c r="EH28" s="289"/>
      <c r="EI28" s="289"/>
      <c r="EJ28" s="38"/>
      <c r="EK28" s="39"/>
      <c r="EL28" s="37"/>
      <c r="EM28" s="291" t="s">
        <v>26</v>
      </c>
      <c r="EN28" s="291"/>
      <c r="EO28" s="291"/>
      <c r="EP28" s="291"/>
      <c r="EQ28" s="291"/>
      <c r="ER28" s="291"/>
      <c r="ES28" s="291"/>
      <c r="ET28" s="291"/>
      <c r="EU28" s="291"/>
      <c r="EV28" s="291"/>
      <c r="EW28" s="291"/>
      <c r="EX28" s="291"/>
      <c r="EY28" s="291"/>
      <c r="EZ28" s="291"/>
      <c r="FA28" s="291"/>
      <c r="FB28" s="291"/>
      <c r="FC28" s="291"/>
      <c r="FD28" s="291"/>
      <c r="FE28" s="291"/>
      <c r="FF28" s="40"/>
      <c r="FG28" s="41"/>
      <c r="FH28" s="291" t="s">
        <v>27</v>
      </c>
      <c r="FI28" s="291"/>
      <c r="FJ28" s="291"/>
      <c r="FK28" s="291"/>
      <c r="FL28" s="291"/>
      <c r="FM28" s="291"/>
      <c r="FN28" s="291"/>
      <c r="FO28" s="291"/>
      <c r="FP28" s="291"/>
      <c r="FQ28" s="291"/>
      <c r="FR28" s="291"/>
      <c r="FS28" s="291"/>
      <c r="FT28" s="291"/>
      <c r="FU28" s="291"/>
      <c r="FV28" s="291"/>
      <c r="FW28" s="291"/>
      <c r="FX28" s="291"/>
      <c r="FY28" s="291"/>
      <c r="FZ28" s="291"/>
      <c r="GA28" s="39"/>
      <c r="GB28" s="37"/>
      <c r="GC28" s="38"/>
      <c r="GD28" s="289" t="s">
        <v>28</v>
      </c>
      <c r="GE28" s="289"/>
      <c r="GF28" s="289"/>
      <c r="GG28" s="289"/>
      <c r="GH28" s="289"/>
      <c r="GI28" s="289"/>
      <c r="GJ28" s="289"/>
      <c r="GK28" s="289"/>
      <c r="GL28" s="289"/>
      <c r="GM28" s="289"/>
      <c r="GN28" s="289"/>
      <c r="GO28" s="289"/>
      <c r="GP28" s="289"/>
      <c r="GQ28" s="289"/>
      <c r="GR28" s="289"/>
      <c r="GS28" s="289"/>
      <c r="GT28" s="289"/>
      <c r="GU28" s="38"/>
      <c r="GV28" s="39"/>
      <c r="GW28" s="37"/>
      <c r="GX28" s="38"/>
      <c r="GY28" s="289" t="s">
        <v>29</v>
      </c>
      <c r="GZ28" s="289"/>
      <c r="HA28" s="289"/>
      <c r="HB28" s="289"/>
      <c r="HC28" s="289"/>
      <c r="HD28" s="289"/>
      <c r="HE28" s="289"/>
      <c r="HF28" s="289"/>
      <c r="HG28" s="289"/>
      <c r="HH28" s="289"/>
      <c r="HI28" s="289"/>
      <c r="HJ28" s="289"/>
      <c r="HK28" s="289"/>
      <c r="HL28" s="289"/>
      <c r="HM28" s="289"/>
      <c r="HN28" s="289"/>
      <c r="HO28" s="289"/>
      <c r="HP28" s="38"/>
      <c r="HQ28" s="39"/>
    </row>
    <row r="29" spans="2:225" ht="6" customHeight="1">
      <c r="B29" s="294"/>
      <c r="C29" s="278"/>
      <c r="D29" s="278"/>
      <c r="E29" s="278"/>
      <c r="F29" s="278"/>
      <c r="G29" s="278"/>
      <c r="H29" s="278"/>
      <c r="I29" s="278"/>
      <c r="J29" s="278"/>
      <c r="K29" s="278"/>
      <c r="L29" s="278"/>
      <c r="M29" s="278"/>
      <c r="N29" s="278"/>
      <c r="O29" s="278"/>
      <c r="P29" s="278"/>
      <c r="Q29" s="278"/>
      <c r="R29" s="296"/>
      <c r="S29" s="297"/>
      <c r="T29" s="287"/>
      <c r="U29" s="287"/>
      <c r="V29" s="287"/>
      <c r="W29" s="287"/>
      <c r="X29" s="287"/>
      <c r="Y29" s="287"/>
      <c r="Z29" s="287"/>
      <c r="AA29" s="287"/>
      <c r="AB29" s="287"/>
      <c r="AC29" s="287"/>
      <c r="AD29" s="300"/>
      <c r="AE29" s="297"/>
      <c r="AF29" s="287"/>
      <c r="AG29" s="287"/>
      <c r="AH29" s="287"/>
      <c r="AI29" s="287"/>
      <c r="AJ29" s="287"/>
      <c r="AK29" s="287"/>
      <c r="AL29" s="287"/>
      <c r="AM29" s="287"/>
      <c r="AN29" s="287"/>
      <c r="AO29" s="287"/>
      <c r="AP29" s="300"/>
      <c r="AQ29" s="297"/>
      <c r="AR29" s="287"/>
      <c r="AS29" s="287"/>
      <c r="AT29" s="287"/>
      <c r="AU29" s="287"/>
      <c r="AV29" s="287"/>
      <c r="AW29" s="287"/>
      <c r="AX29" s="287"/>
      <c r="AY29" s="287"/>
      <c r="AZ29" s="287"/>
      <c r="BA29" s="287"/>
      <c r="BB29" s="300"/>
      <c r="BC29" s="42"/>
      <c r="BD29" s="286"/>
      <c r="BE29" s="287"/>
      <c r="BF29" s="287"/>
      <c r="BG29" s="287"/>
      <c r="BH29" s="287"/>
      <c r="BI29" s="287"/>
      <c r="BJ29" s="287"/>
      <c r="BK29" s="287"/>
      <c r="BL29" s="287"/>
      <c r="BM29" s="287"/>
      <c r="BN29" s="287"/>
      <c r="BO29" s="287"/>
      <c r="BP29" s="287"/>
      <c r="BQ29" s="287"/>
      <c r="BR29" s="287"/>
      <c r="BS29" s="287"/>
      <c r="BT29" s="287"/>
      <c r="BU29" s="287"/>
      <c r="BV29" s="287"/>
      <c r="BW29" s="287"/>
      <c r="BX29" s="287"/>
      <c r="BY29" s="288"/>
      <c r="BZ29" s="43"/>
      <c r="CA29" s="44"/>
      <c r="CB29" s="45"/>
      <c r="CC29" s="290"/>
      <c r="CD29" s="290"/>
      <c r="CE29" s="290"/>
      <c r="CF29" s="290"/>
      <c r="CG29" s="290"/>
      <c r="CH29" s="290"/>
      <c r="CI29" s="290"/>
      <c r="CJ29" s="290"/>
      <c r="CK29" s="290"/>
      <c r="CL29" s="290"/>
      <c r="CM29" s="290"/>
      <c r="CN29" s="290"/>
      <c r="CO29" s="290"/>
      <c r="CP29" s="290"/>
      <c r="CQ29" s="290"/>
      <c r="CR29" s="290"/>
      <c r="CS29" s="290"/>
      <c r="CT29" s="46"/>
      <c r="CU29" s="47"/>
      <c r="CV29" s="44"/>
      <c r="CW29" s="45"/>
      <c r="CX29" s="290"/>
      <c r="CY29" s="290"/>
      <c r="CZ29" s="290"/>
      <c r="DA29" s="290"/>
      <c r="DB29" s="290"/>
      <c r="DC29" s="290"/>
      <c r="DD29" s="290"/>
      <c r="DE29" s="290"/>
      <c r="DF29" s="290"/>
      <c r="DG29" s="290"/>
      <c r="DH29" s="290"/>
      <c r="DI29" s="290"/>
      <c r="DJ29" s="290"/>
      <c r="DK29" s="290"/>
      <c r="DL29" s="290"/>
      <c r="DM29" s="290"/>
      <c r="DN29" s="290"/>
      <c r="DO29" s="46"/>
      <c r="DP29" s="47"/>
      <c r="DQ29" s="44"/>
      <c r="DR29" s="45"/>
      <c r="DS29" s="290"/>
      <c r="DT29" s="290"/>
      <c r="DU29" s="290"/>
      <c r="DV29" s="290"/>
      <c r="DW29" s="290"/>
      <c r="DX29" s="290"/>
      <c r="DY29" s="290"/>
      <c r="DZ29" s="290"/>
      <c r="EA29" s="290"/>
      <c r="EB29" s="290"/>
      <c r="EC29" s="290"/>
      <c r="ED29" s="290"/>
      <c r="EE29" s="290"/>
      <c r="EF29" s="290"/>
      <c r="EG29" s="290"/>
      <c r="EH29" s="290"/>
      <c r="EI29" s="290"/>
      <c r="EJ29" s="46"/>
      <c r="EK29" s="47"/>
      <c r="EL29" s="44"/>
      <c r="EM29" s="292"/>
      <c r="EN29" s="292"/>
      <c r="EO29" s="292"/>
      <c r="EP29" s="292"/>
      <c r="EQ29" s="292"/>
      <c r="ER29" s="292"/>
      <c r="ES29" s="292"/>
      <c r="ET29" s="292"/>
      <c r="EU29" s="292"/>
      <c r="EV29" s="292"/>
      <c r="EW29" s="292"/>
      <c r="EX29" s="292"/>
      <c r="EY29" s="292"/>
      <c r="EZ29" s="292"/>
      <c r="FA29" s="292"/>
      <c r="FB29" s="292"/>
      <c r="FC29" s="292"/>
      <c r="FD29" s="292"/>
      <c r="FE29" s="292"/>
      <c r="FF29" s="47"/>
      <c r="FG29" s="44"/>
      <c r="FH29" s="292"/>
      <c r="FI29" s="292"/>
      <c r="FJ29" s="292"/>
      <c r="FK29" s="292"/>
      <c r="FL29" s="292"/>
      <c r="FM29" s="292"/>
      <c r="FN29" s="292"/>
      <c r="FO29" s="292"/>
      <c r="FP29" s="292"/>
      <c r="FQ29" s="292"/>
      <c r="FR29" s="292"/>
      <c r="FS29" s="292"/>
      <c r="FT29" s="292"/>
      <c r="FU29" s="292"/>
      <c r="FV29" s="292"/>
      <c r="FW29" s="292"/>
      <c r="FX29" s="292"/>
      <c r="FY29" s="292"/>
      <c r="FZ29" s="292"/>
      <c r="GA29" s="47"/>
      <c r="GB29" s="44"/>
      <c r="GC29" s="45"/>
      <c r="GD29" s="290"/>
      <c r="GE29" s="290"/>
      <c r="GF29" s="290"/>
      <c r="GG29" s="290"/>
      <c r="GH29" s="290"/>
      <c r="GI29" s="290"/>
      <c r="GJ29" s="290"/>
      <c r="GK29" s="290"/>
      <c r="GL29" s="290"/>
      <c r="GM29" s="290"/>
      <c r="GN29" s="290"/>
      <c r="GO29" s="290"/>
      <c r="GP29" s="290"/>
      <c r="GQ29" s="290"/>
      <c r="GR29" s="290"/>
      <c r="GS29" s="290"/>
      <c r="GT29" s="290"/>
      <c r="GU29" s="46"/>
      <c r="GV29" s="47"/>
      <c r="GW29" s="44"/>
      <c r="GX29" s="45"/>
      <c r="GY29" s="290"/>
      <c r="GZ29" s="290"/>
      <c r="HA29" s="290"/>
      <c r="HB29" s="290"/>
      <c r="HC29" s="290"/>
      <c r="HD29" s="290"/>
      <c r="HE29" s="290"/>
      <c r="HF29" s="290"/>
      <c r="HG29" s="290"/>
      <c r="HH29" s="290"/>
      <c r="HI29" s="290"/>
      <c r="HJ29" s="290"/>
      <c r="HK29" s="290"/>
      <c r="HL29" s="290"/>
      <c r="HM29" s="290"/>
      <c r="HN29" s="290"/>
      <c r="HO29" s="290"/>
      <c r="HP29" s="46"/>
      <c r="HQ29" s="47"/>
    </row>
    <row r="30" spans="2:225" ht="6" customHeight="1">
      <c r="B30" s="294"/>
      <c r="C30" s="278"/>
      <c r="D30" s="278"/>
      <c r="E30" s="278"/>
      <c r="F30" s="278"/>
      <c r="G30" s="278"/>
      <c r="H30" s="278"/>
      <c r="I30" s="278"/>
      <c r="J30" s="278"/>
      <c r="K30" s="278"/>
      <c r="L30" s="278"/>
      <c r="M30" s="278"/>
      <c r="N30" s="278"/>
      <c r="O30" s="278"/>
      <c r="P30" s="278"/>
      <c r="Q30" s="278"/>
      <c r="R30" s="296"/>
      <c r="S30" s="248" t="s">
        <v>81</v>
      </c>
      <c r="T30" s="249"/>
      <c r="U30" s="249"/>
      <c r="V30" s="249"/>
      <c r="W30" s="249"/>
      <c r="X30" s="249"/>
      <c r="Y30" s="249"/>
      <c r="Z30" s="249"/>
      <c r="AA30" s="249"/>
      <c r="AB30" s="249"/>
      <c r="AC30" s="249"/>
      <c r="AD30" s="249"/>
      <c r="AE30" s="248"/>
      <c r="AF30" s="249"/>
      <c r="AG30" s="249"/>
      <c r="AH30" s="249"/>
      <c r="AI30" s="249"/>
      <c r="AJ30" s="249"/>
      <c r="AK30" s="249"/>
      <c r="AL30" s="249"/>
      <c r="AM30" s="249"/>
      <c r="AN30" s="249"/>
      <c r="AO30" s="249"/>
      <c r="AP30" s="249"/>
      <c r="AQ30" s="248"/>
      <c r="AR30" s="249"/>
      <c r="AS30" s="249"/>
      <c r="AT30" s="249"/>
      <c r="AU30" s="249"/>
      <c r="AV30" s="249"/>
      <c r="AW30" s="249"/>
      <c r="AX30" s="249"/>
      <c r="AY30" s="249"/>
      <c r="AZ30" s="249"/>
      <c r="BA30" s="249"/>
      <c r="BB30" s="254"/>
      <c r="BC30" s="48"/>
      <c r="BD30" s="302" t="s">
        <v>83</v>
      </c>
      <c r="BE30" s="303"/>
      <c r="BF30" s="303"/>
      <c r="BG30" s="303"/>
      <c r="BH30" s="303"/>
      <c r="BI30" s="303"/>
      <c r="BJ30" s="303"/>
      <c r="BK30" s="303"/>
      <c r="BL30" s="303"/>
      <c r="BM30" s="303"/>
      <c r="BN30" s="303"/>
      <c r="BO30" s="303"/>
      <c r="BP30" s="303"/>
      <c r="BQ30" s="303"/>
      <c r="BR30" s="303"/>
      <c r="BS30" s="303"/>
      <c r="BT30" s="303"/>
      <c r="BU30" s="303"/>
      <c r="BV30" s="303"/>
      <c r="BW30" s="303"/>
      <c r="BX30" s="303"/>
      <c r="BY30" s="304"/>
      <c r="BZ30" s="43"/>
      <c r="CA30" s="266" t="s">
        <v>30</v>
      </c>
      <c r="CB30" s="267"/>
      <c r="CC30" s="267"/>
      <c r="CD30" s="267"/>
      <c r="CE30" s="267"/>
      <c r="CF30" s="267"/>
      <c r="CG30" s="267"/>
      <c r="CH30" s="267"/>
      <c r="CI30" s="267"/>
      <c r="CJ30" s="267"/>
      <c r="CK30" s="267"/>
      <c r="CL30" s="267"/>
      <c r="CM30" s="267"/>
      <c r="CN30" s="267"/>
      <c r="CO30" s="267"/>
      <c r="CP30" s="267"/>
      <c r="CQ30" s="267"/>
      <c r="CR30" s="267"/>
      <c r="CS30" s="267"/>
      <c r="CT30" s="267"/>
      <c r="CU30" s="268"/>
      <c r="CV30" s="266" t="s">
        <v>31</v>
      </c>
      <c r="CW30" s="267"/>
      <c r="CX30" s="267"/>
      <c r="CY30" s="267"/>
      <c r="CZ30" s="267"/>
      <c r="DA30" s="267"/>
      <c r="DB30" s="267"/>
      <c r="DC30" s="267"/>
      <c r="DD30" s="267"/>
      <c r="DE30" s="267"/>
      <c r="DF30" s="267"/>
      <c r="DG30" s="267"/>
      <c r="DH30" s="267"/>
      <c r="DI30" s="267"/>
      <c r="DJ30" s="267"/>
      <c r="DK30" s="267"/>
      <c r="DL30" s="267"/>
      <c r="DM30" s="267"/>
      <c r="DN30" s="267"/>
      <c r="DO30" s="267"/>
      <c r="DP30" s="268"/>
      <c r="DQ30" s="266" t="s">
        <v>32</v>
      </c>
      <c r="DR30" s="267"/>
      <c r="DS30" s="267"/>
      <c r="DT30" s="267"/>
      <c r="DU30" s="267"/>
      <c r="DV30" s="267"/>
      <c r="DW30" s="267"/>
      <c r="DX30" s="267"/>
      <c r="DY30" s="267"/>
      <c r="DZ30" s="267"/>
      <c r="EA30" s="267"/>
      <c r="EB30" s="267"/>
      <c r="EC30" s="267"/>
      <c r="ED30" s="267"/>
      <c r="EE30" s="267"/>
      <c r="EF30" s="267"/>
      <c r="EG30" s="267"/>
      <c r="EH30" s="267"/>
      <c r="EI30" s="267"/>
      <c r="EJ30" s="267"/>
      <c r="EK30" s="268"/>
      <c r="EL30" s="266" t="s">
        <v>33</v>
      </c>
      <c r="EM30" s="267"/>
      <c r="EN30" s="267"/>
      <c r="EO30" s="267"/>
      <c r="EP30" s="267"/>
      <c r="EQ30" s="267"/>
      <c r="ER30" s="267"/>
      <c r="ES30" s="267"/>
      <c r="ET30" s="267"/>
      <c r="EU30" s="267"/>
      <c r="EV30" s="267"/>
      <c r="EW30" s="267"/>
      <c r="EX30" s="267"/>
      <c r="EY30" s="267"/>
      <c r="EZ30" s="267"/>
      <c r="FA30" s="267"/>
      <c r="FB30" s="267"/>
      <c r="FC30" s="267"/>
      <c r="FD30" s="267"/>
      <c r="FE30" s="267"/>
      <c r="FF30" s="268"/>
      <c r="FG30" s="266" t="s">
        <v>34</v>
      </c>
      <c r="FH30" s="267"/>
      <c r="FI30" s="267"/>
      <c r="FJ30" s="267"/>
      <c r="FK30" s="267"/>
      <c r="FL30" s="267"/>
      <c r="FM30" s="267"/>
      <c r="FN30" s="267"/>
      <c r="FO30" s="267"/>
      <c r="FP30" s="267"/>
      <c r="FQ30" s="267"/>
      <c r="FR30" s="267"/>
      <c r="FS30" s="267"/>
      <c r="FT30" s="267"/>
      <c r="FU30" s="267"/>
      <c r="FV30" s="267"/>
      <c r="FW30" s="267"/>
      <c r="FX30" s="267"/>
      <c r="FY30" s="267"/>
      <c r="FZ30" s="267"/>
      <c r="GA30" s="268"/>
      <c r="GB30" s="266" t="s">
        <v>35</v>
      </c>
      <c r="GC30" s="267"/>
      <c r="GD30" s="267"/>
      <c r="GE30" s="267"/>
      <c r="GF30" s="267"/>
      <c r="GG30" s="267"/>
      <c r="GH30" s="267"/>
      <c r="GI30" s="267"/>
      <c r="GJ30" s="267"/>
      <c r="GK30" s="267"/>
      <c r="GL30" s="267"/>
      <c r="GM30" s="267"/>
      <c r="GN30" s="267"/>
      <c r="GO30" s="267"/>
      <c r="GP30" s="267"/>
      <c r="GQ30" s="267"/>
      <c r="GR30" s="267"/>
      <c r="GS30" s="267"/>
      <c r="GT30" s="267"/>
      <c r="GU30" s="267"/>
      <c r="GV30" s="268"/>
      <c r="GW30" s="266" t="s">
        <v>36</v>
      </c>
      <c r="GX30" s="267"/>
      <c r="GY30" s="267"/>
      <c r="GZ30" s="267"/>
      <c r="HA30" s="267"/>
      <c r="HB30" s="267"/>
      <c r="HC30" s="267"/>
      <c r="HD30" s="267"/>
      <c r="HE30" s="267"/>
      <c r="HF30" s="267"/>
      <c r="HG30" s="267"/>
      <c r="HH30" s="267"/>
      <c r="HI30" s="267"/>
      <c r="HJ30" s="267"/>
      <c r="HK30" s="267"/>
      <c r="HL30" s="267"/>
      <c r="HM30" s="267"/>
      <c r="HN30" s="267"/>
      <c r="HO30" s="267"/>
      <c r="HP30" s="267"/>
      <c r="HQ30" s="268"/>
    </row>
    <row r="31" spans="2:225" ht="6" customHeight="1">
      <c r="B31" s="294"/>
      <c r="C31" s="301" t="s">
        <v>37</v>
      </c>
      <c r="D31" s="301"/>
      <c r="E31" s="301"/>
      <c r="F31" s="301"/>
      <c r="G31" s="301"/>
      <c r="H31" s="301"/>
      <c r="I31" s="301"/>
      <c r="J31" s="301"/>
      <c r="K31" s="301"/>
      <c r="L31" s="301"/>
      <c r="M31" s="301"/>
      <c r="N31" s="301"/>
      <c r="O31" s="301"/>
      <c r="P31" s="301"/>
      <c r="Q31" s="301"/>
      <c r="R31" s="296"/>
      <c r="S31" s="250"/>
      <c r="T31" s="251"/>
      <c r="U31" s="251"/>
      <c r="V31" s="251"/>
      <c r="W31" s="251"/>
      <c r="X31" s="251"/>
      <c r="Y31" s="251"/>
      <c r="Z31" s="251"/>
      <c r="AA31" s="251"/>
      <c r="AB31" s="251"/>
      <c r="AC31" s="251"/>
      <c r="AD31" s="251"/>
      <c r="AE31" s="250"/>
      <c r="AF31" s="251"/>
      <c r="AG31" s="251"/>
      <c r="AH31" s="251"/>
      <c r="AI31" s="251"/>
      <c r="AJ31" s="251"/>
      <c r="AK31" s="251"/>
      <c r="AL31" s="251"/>
      <c r="AM31" s="251"/>
      <c r="AN31" s="251"/>
      <c r="AO31" s="251"/>
      <c r="AP31" s="251"/>
      <c r="AQ31" s="250"/>
      <c r="AR31" s="251"/>
      <c r="AS31" s="251"/>
      <c r="AT31" s="251"/>
      <c r="AU31" s="251"/>
      <c r="AV31" s="251"/>
      <c r="AW31" s="251"/>
      <c r="AX31" s="251"/>
      <c r="AY31" s="251"/>
      <c r="AZ31" s="251"/>
      <c r="BA31" s="251"/>
      <c r="BB31" s="255"/>
      <c r="BC31" s="48"/>
      <c r="BD31" s="305"/>
      <c r="BE31" s="306"/>
      <c r="BF31" s="306"/>
      <c r="BG31" s="306"/>
      <c r="BH31" s="306"/>
      <c r="BI31" s="306"/>
      <c r="BJ31" s="306"/>
      <c r="BK31" s="306"/>
      <c r="BL31" s="306"/>
      <c r="BM31" s="306"/>
      <c r="BN31" s="306"/>
      <c r="BO31" s="306"/>
      <c r="BP31" s="306"/>
      <c r="BQ31" s="306"/>
      <c r="BR31" s="306"/>
      <c r="BS31" s="306"/>
      <c r="BT31" s="306"/>
      <c r="BU31" s="306"/>
      <c r="BV31" s="306"/>
      <c r="BW31" s="306"/>
      <c r="BX31" s="306"/>
      <c r="BY31" s="307"/>
      <c r="BZ31" s="2"/>
      <c r="CA31" s="269"/>
      <c r="CB31" s="270"/>
      <c r="CC31" s="270"/>
      <c r="CD31" s="270"/>
      <c r="CE31" s="270"/>
      <c r="CF31" s="270"/>
      <c r="CG31" s="270"/>
      <c r="CH31" s="270"/>
      <c r="CI31" s="270"/>
      <c r="CJ31" s="270"/>
      <c r="CK31" s="270"/>
      <c r="CL31" s="270"/>
      <c r="CM31" s="270"/>
      <c r="CN31" s="270"/>
      <c r="CO31" s="270"/>
      <c r="CP31" s="270"/>
      <c r="CQ31" s="270"/>
      <c r="CR31" s="270"/>
      <c r="CS31" s="270"/>
      <c r="CT31" s="270"/>
      <c r="CU31" s="271"/>
      <c r="CV31" s="269"/>
      <c r="CW31" s="270"/>
      <c r="CX31" s="270"/>
      <c r="CY31" s="270"/>
      <c r="CZ31" s="270"/>
      <c r="DA31" s="270"/>
      <c r="DB31" s="270"/>
      <c r="DC31" s="270"/>
      <c r="DD31" s="270"/>
      <c r="DE31" s="270"/>
      <c r="DF31" s="270"/>
      <c r="DG31" s="270"/>
      <c r="DH31" s="270"/>
      <c r="DI31" s="270"/>
      <c r="DJ31" s="270"/>
      <c r="DK31" s="270"/>
      <c r="DL31" s="270"/>
      <c r="DM31" s="270"/>
      <c r="DN31" s="270"/>
      <c r="DO31" s="270"/>
      <c r="DP31" s="271"/>
      <c r="DQ31" s="269"/>
      <c r="DR31" s="270"/>
      <c r="DS31" s="270"/>
      <c r="DT31" s="270"/>
      <c r="DU31" s="270"/>
      <c r="DV31" s="270"/>
      <c r="DW31" s="270"/>
      <c r="DX31" s="270"/>
      <c r="DY31" s="270"/>
      <c r="DZ31" s="270"/>
      <c r="EA31" s="270"/>
      <c r="EB31" s="270"/>
      <c r="EC31" s="270"/>
      <c r="ED31" s="270"/>
      <c r="EE31" s="270"/>
      <c r="EF31" s="270"/>
      <c r="EG31" s="270"/>
      <c r="EH31" s="270"/>
      <c r="EI31" s="270"/>
      <c r="EJ31" s="270"/>
      <c r="EK31" s="271"/>
      <c r="EL31" s="269"/>
      <c r="EM31" s="270"/>
      <c r="EN31" s="270"/>
      <c r="EO31" s="270"/>
      <c r="EP31" s="270"/>
      <c r="EQ31" s="270"/>
      <c r="ER31" s="270"/>
      <c r="ES31" s="270"/>
      <c r="ET31" s="270"/>
      <c r="EU31" s="270"/>
      <c r="EV31" s="270"/>
      <c r="EW31" s="270"/>
      <c r="EX31" s="270"/>
      <c r="EY31" s="270"/>
      <c r="EZ31" s="270"/>
      <c r="FA31" s="270"/>
      <c r="FB31" s="270"/>
      <c r="FC31" s="270"/>
      <c r="FD31" s="270"/>
      <c r="FE31" s="270"/>
      <c r="FF31" s="271"/>
      <c r="FG31" s="269"/>
      <c r="FH31" s="270"/>
      <c r="FI31" s="270"/>
      <c r="FJ31" s="270"/>
      <c r="FK31" s="270"/>
      <c r="FL31" s="270"/>
      <c r="FM31" s="270"/>
      <c r="FN31" s="270"/>
      <c r="FO31" s="270"/>
      <c r="FP31" s="270"/>
      <c r="FQ31" s="270"/>
      <c r="FR31" s="270"/>
      <c r="FS31" s="270"/>
      <c r="FT31" s="270"/>
      <c r="FU31" s="270"/>
      <c r="FV31" s="270"/>
      <c r="FW31" s="270"/>
      <c r="FX31" s="270"/>
      <c r="FY31" s="270"/>
      <c r="FZ31" s="270"/>
      <c r="GA31" s="271"/>
      <c r="GB31" s="269"/>
      <c r="GC31" s="270"/>
      <c r="GD31" s="270"/>
      <c r="GE31" s="270"/>
      <c r="GF31" s="270"/>
      <c r="GG31" s="270"/>
      <c r="GH31" s="270"/>
      <c r="GI31" s="270"/>
      <c r="GJ31" s="270"/>
      <c r="GK31" s="270"/>
      <c r="GL31" s="270"/>
      <c r="GM31" s="270"/>
      <c r="GN31" s="270"/>
      <c r="GO31" s="270"/>
      <c r="GP31" s="270"/>
      <c r="GQ31" s="270"/>
      <c r="GR31" s="270"/>
      <c r="GS31" s="270"/>
      <c r="GT31" s="270"/>
      <c r="GU31" s="270"/>
      <c r="GV31" s="271"/>
      <c r="GW31" s="269"/>
      <c r="GX31" s="270"/>
      <c r="GY31" s="270"/>
      <c r="GZ31" s="270"/>
      <c r="HA31" s="270"/>
      <c r="HB31" s="270"/>
      <c r="HC31" s="270"/>
      <c r="HD31" s="270"/>
      <c r="HE31" s="270"/>
      <c r="HF31" s="270"/>
      <c r="HG31" s="270"/>
      <c r="HH31" s="270"/>
      <c r="HI31" s="270"/>
      <c r="HJ31" s="270"/>
      <c r="HK31" s="270"/>
      <c r="HL31" s="270"/>
      <c r="HM31" s="270"/>
      <c r="HN31" s="270"/>
      <c r="HO31" s="270"/>
      <c r="HP31" s="270"/>
      <c r="HQ31" s="271"/>
    </row>
    <row r="32" spans="2:225" ht="6" customHeight="1">
      <c r="B32" s="49"/>
      <c r="C32" s="301"/>
      <c r="D32" s="301"/>
      <c r="E32" s="301"/>
      <c r="F32" s="301"/>
      <c r="G32" s="301"/>
      <c r="H32" s="301"/>
      <c r="I32" s="301"/>
      <c r="J32" s="301"/>
      <c r="K32" s="301"/>
      <c r="L32" s="301"/>
      <c r="M32" s="301"/>
      <c r="N32" s="301"/>
      <c r="O32" s="301"/>
      <c r="P32" s="301"/>
      <c r="Q32" s="301"/>
      <c r="R32" s="50"/>
      <c r="S32" s="250"/>
      <c r="T32" s="251"/>
      <c r="U32" s="251"/>
      <c r="V32" s="251"/>
      <c r="W32" s="251"/>
      <c r="X32" s="251"/>
      <c r="Y32" s="251"/>
      <c r="Z32" s="251"/>
      <c r="AA32" s="251"/>
      <c r="AB32" s="251"/>
      <c r="AC32" s="251"/>
      <c r="AD32" s="251"/>
      <c r="AE32" s="250"/>
      <c r="AF32" s="251"/>
      <c r="AG32" s="251"/>
      <c r="AH32" s="251"/>
      <c r="AI32" s="251"/>
      <c r="AJ32" s="251"/>
      <c r="AK32" s="251"/>
      <c r="AL32" s="251"/>
      <c r="AM32" s="251"/>
      <c r="AN32" s="251"/>
      <c r="AO32" s="251"/>
      <c r="AP32" s="251"/>
      <c r="AQ32" s="250"/>
      <c r="AR32" s="251"/>
      <c r="AS32" s="251"/>
      <c r="AT32" s="251"/>
      <c r="AU32" s="251"/>
      <c r="AV32" s="251"/>
      <c r="AW32" s="251"/>
      <c r="AX32" s="251"/>
      <c r="AY32" s="251"/>
      <c r="AZ32" s="251"/>
      <c r="BA32" s="251"/>
      <c r="BB32" s="255"/>
      <c r="BC32" s="48"/>
      <c r="BD32" s="305"/>
      <c r="BE32" s="306"/>
      <c r="BF32" s="306"/>
      <c r="BG32" s="306"/>
      <c r="BH32" s="306"/>
      <c r="BI32" s="306"/>
      <c r="BJ32" s="306"/>
      <c r="BK32" s="306"/>
      <c r="BL32" s="306"/>
      <c r="BM32" s="306"/>
      <c r="BN32" s="306"/>
      <c r="BO32" s="306"/>
      <c r="BP32" s="306"/>
      <c r="BQ32" s="306"/>
      <c r="BR32" s="306"/>
      <c r="BS32" s="306"/>
      <c r="BT32" s="306"/>
      <c r="BU32" s="306"/>
      <c r="BV32" s="306"/>
      <c r="BW32" s="306"/>
      <c r="BX32" s="306"/>
      <c r="BY32" s="307"/>
      <c r="BZ32" s="2"/>
      <c r="CA32" s="272">
        <f>SUM(CI39:DH62)</f>
        <v>3000000</v>
      </c>
      <c r="CB32" s="273"/>
      <c r="CC32" s="273"/>
      <c r="CD32" s="273"/>
      <c r="CE32" s="273"/>
      <c r="CF32" s="273"/>
      <c r="CG32" s="273"/>
      <c r="CH32" s="273"/>
      <c r="CI32" s="273"/>
      <c r="CJ32" s="273"/>
      <c r="CK32" s="273"/>
      <c r="CL32" s="273"/>
      <c r="CM32" s="273"/>
      <c r="CN32" s="273"/>
      <c r="CO32" s="273"/>
      <c r="CP32" s="273"/>
      <c r="CQ32" s="273"/>
      <c r="CR32" s="273"/>
      <c r="CS32" s="273"/>
      <c r="CT32" s="273"/>
      <c r="CU32" s="274"/>
      <c r="CV32" s="272"/>
      <c r="CW32" s="273"/>
      <c r="CX32" s="273"/>
      <c r="CY32" s="273"/>
      <c r="CZ32" s="273"/>
      <c r="DA32" s="273"/>
      <c r="DB32" s="273"/>
      <c r="DC32" s="273"/>
      <c r="DD32" s="273"/>
      <c r="DE32" s="273"/>
      <c r="DF32" s="273"/>
      <c r="DG32" s="273"/>
      <c r="DH32" s="273"/>
      <c r="DI32" s="273"/>
      <c r="DJ32" s="273"/>
      <c r="DK32" s="273"/>
      <c r="DL32" s="273"/>
      <c r="DM32" s="273"/>
      <c r="DN32" s="273"/>
      <c r="DO32" s="273"/>
      <c r="DP32" s="274"/>
      <c r="DQ32" s="272">
        <f>CA32+CV32</f>
        <v>3000000</v>
      </c>
      <c r="DR32" s="273"/>
      <c r="DS32" s="273"/>
      <c r="DT32" s="273"/>
      <c r="DU32" s="273"/>
      <c r="DV32" s="273"/>
      <c r="DW32" s="273"/>
      <c r="DX32" s="273"/>
      <c r="DY32" s="273"/>
      <c r="DZ32" s="273"/>
      <c r="EA32" s="273"/>
      <c r="EB32" s="273"/>
      <c r="EC32" s="273"/>
      <c r="ED32" s="273"/>
      <c r="EE32" s="273"/>
      <c r="EF32" s="273"/>
      <c r="EG32" s="273"/>
      <c r="EH32" s="273"/>
      <c r="EI32" s="273"/>
      <c r="EJ32" s="273"/>
      <c r="EK32" s="274"/>
      <c r="EL32" s="272">
        <f>SUM(FN39:GO62)</f>
        <v>1300000</v>
      </c>
      <c r="EM32" s="273"/>
      <c r="EN32" s="273"/>
      <c r="EO32" s="273"/>
      <c r="EP32" s="273"/>
      <c r="EQ32" s="273"/>
      <c r="ER32" s="273"/>
      <c r="ES32" s="273"/>
      <c r="ET32" s="273"/>
      <c r="EU32" s="273"/>
      <c r="EV32" s="273"/>
      <c r="EW32" s="273"/>
      <c r="EX32" s="273"/>
      <c r="EY32" s="273"/>
      <c r="EZ32" s="273"/>
      <c r="FA32" s="273"/>
      <c r="FB32" s="273"/>
      <c r="FC32" s="273"/>
      <c r="FD32" s="273"/>
      <c r="FE32" s="273"/>
      <c r="FF32" s="274"/>
      <c r="FG32" s="272">
        <f>SUM(GP39:HQ62)</f>
        <v>220000</v>
      </c>
      <c r="FH32" s="273"/>
      <c r="FI32" s="273"/>
      <c r="FJ32" s="273"/>
      <c r="FK32" s="273"/>
      <c r="FL32" s="273"/>
      <c r="FM32" s="273"/>
      <c r="FN32" s="273"/>
      <c r="FO32" s="273"/>
      <c r="FP32" s="273"/>
      <c r="FQ32" s="273"/>
      <c r="FR32" s="273"/>
      <c r="FS32" s="273"/>
      <c r="FT32" s="273"/>
      <c r="FU32" s="273"/>
      <c r="FV32" s="273"/>
      <c r="FW32" s="273"/>
      <c r="FX32" s="273"/>
      <c r="FY32" s="273"/>
      <c r="FZ32" s="273"/>
      <c r="GA32" s="274"/>
      <c r="GB32" s="272">
        <f>FN63-FN67</f>
        <v>1080000</v>
      </c>
      <c r="GC32" s="273"/>
      <c r="GD32" s="273"/>
      <c r="GE32" s="273"/>
      <c r="GF32" s="273"/>
      <c r="GG32" s="273"/>
      <c r="GH32" s="273"/>
      <c r="GI32" s="273"/>
      <c r="GJ32" s="273"/>
      <c r="GK32" s="273"/>
      <c r="GL32" s="273"/>
      <c r="GM32" s="273"/>
      <c r="GN32" s="273"/>
      <c r="GO32" s="273"/>
      <c r="GP32" s="273"/>
      <c r="GQ32" s="273"/>
      <c r="GR32" s="273"/>
      <c r="GS32" s="273"/>
      <c r="GT32" s="273"/>
      <c r="GU32" s="273"/>
      <c r="GV32" s="274"/>
      <c r="GW32" s="272">
        <f>CA32-EL32</f>
        <v>1700000</v>
      </c>
      <c r="GX32" s="273"/>
      <c r="GY32" s="273"/>
      <c r="GZ32" s="273"/>
      <c r="HA32" s="273"/>
      <c r="HB32" s="273"/>
      <c r="HC32" s="273"/>
      <c r="HD32" s="273"/>
      <c r="HE32" s="273"/>
      <c r="HF32" s="273"/>
      <c r="HG32" s="273"/>
      <c r="HH32" s="273"/>
      <c r="HI32" s="273"/>
      <c r="HJ32" s="273"/>
      <c r="HK32" s="273"/>
      <c r="HL32" s="273"/>
      <c r="HM32" s="273"/>
      <c r="HN32" s="273"/>
      <c r="HO32" s="273"/>
      <c r="HP32" s="273"/>
      <c r="HQ32" s="274"/>
    </row>
    <row r="33" spans="2:225" ht="6" customHeight="1">
      <c r="B33" s="49"/>
      <c r="C33" s="301"/>
      <c r="D33" s="301"/>
      <c r="E33" s="301"/>
      <c r="F33" s="301"/>
      <c r="G33" s="301"/>
      <c r="H33" s="301"/>
      <c r="I33" s="301"/>
      <c r="J33" s="301"/>
      <c r="K33" s="301"/>
      <c r="L33" s="301"/>
      <c r="M33" s="301"/>
      <c r="N33" s="301"/>
      <c r="O33" s="301"/>
      <c r="P33" s="301"/>
      <c r="Q33" s="301"/>
      <c r="R33" s="50"/>
      <c r="S33" s="250"/>
      <c r="T33" s="251"/>
      <c r="U33" s="251"/>
      <c r="V33" s="251"/>
      <c r="W33" s="251"/>
      <c r="X33" s="251"/>
      <c r="Y33" s="251"/>
      <c r="Z33" s="251"/>
      <c r="AA33" s="251"/>
      <c r="AB33" s="251"/>
      <c r="AC33" s="251"/>
      <c r="AD33" s="251"/>
      <c r="AE33" s="250"/>
      <c r="AF33" s="251"/>
      <c r="AG33" s="251"/>
      <c r="AH33" s="251"/>
      <c r="AI33" s="251"/>
      <c r="AJ33" s="251"/>
      <c r="AK33" s="251"/>
      <c r="AL33" s="251"/>
      <c r="AM33" s="251"/>
      <c r="AN33" s="251"/>
      <c r="AO33" s="251"/>
      <c r="AP33" s="251"/>
      <c r="AQ33" s="250"/>
      <c r="AR33" s="251"/>
      <c r="AS33" s="251"/>
      <c r="AT33" s="251"/>
      <c r="AU33" s="251"/>
      <c r="AV33" s="251"/>
      <c r="AW33" s="251"/>
      <c r="AX33" s="251"/>
      <c r="AY33" s="251"/>
      <c r="AZ33" s="251"/>
      <c r="BA33" s="251"/>
      <c r="BB33" s="255"/>
      <c r="BC33" s="48"/>
      <c r="BD33" s="305"/>
      <c r="BE33" s="306"/>
      <c r="BF33" s="306"/>
      <c r="BG33" s="306"/>
      <c r="BH33" s="306"/>
      <c r="BI33" s="306"/>
      <c r="BJ33" s="306"/>
      <c r="BK33" s="306"/>
      <c r="BL33" s="306"/>
      <c r="BM33" s="306"/>
      <c r="BN33" s="306"/>
      <c r="BO33" s="306"/>
      <c r="BP33" s="306"/>
      <c r="BQ33" s="306"/>
      <c r="BR33" s="306"/>
      <c r="BS33" s="306"/>
      <c r="BT33" s="306"/>
      <c r="BU33" s="306"/>
      <c r="BV33" s="306"/>
      <c r="BW33" s="306"/>
      <c r="BX33" s="306"/>
      <c r="BY33" s="307"/>
      <c r="BZ33" s="2"/>
      <c r="CA33" s="272"/>
      <c r="CB33" s="273"/>
      <c r="CC33" s="273"/>
      <c r="CD33" s="273"/>
      <c r="CE33" s="273"/>
      <c r="CF33" s="273"/>
      <c r="CG33" s="273"/>
      <c r="CH33" s="273"/>
      <c r="CI33" s="273"/>
      <c r="CJ33" s="273"/>
      <c r="CK33" s="273"/>
      <c r="CL33" s="273"/>
      <c r="CM33" s="273"/>
      <c r="CN33" s="273"/>
      <c r="CO33" s="273"/>
      <c r="CP33" s="273"/>
      <c r="CQ33" s="273"/>
      <c r="CR33" s="273"/>
      <c r="CS33" s="273"/>
      <c r="CT33" s="273"/>
      <c r="CU33" s="274"/>
      <c r="CV33" s="272"/>
      <c r="CW33" s="273"/>
      <c r="CX33" s="273"/>
      <c r="CY33" s="273"/>
      <c r="CZ33" s="273"/>
      <c r="DA33" s="273"/>
      <c r="DB33" s="273"/>
      <c r="DC33" s="273"/>
      <c r="DD33" s="273"/>
      <c r="DE33" s="273"/>
      <c r="DF33" s="273"/>
      <c r="DG33" s="273"/>
      <c r="DH33" s="273"/>
      <c r="DI33" s="273"/>
      <c r="DJ33" s="273"/>
      <c r="DK33" s="273"/>
      <c r="DL33" s="273"/>
      <c r="DM33" s="273"/>
      <c r="DN33" s="273"/>
      <c r="DO33" s="273"/>
      <c r="DP33" s="274"/>
      <c r="DQ33" s="272"/>
      <c r="DR33" s="273"/>
      <c r="DS33" s="273"/>
      <c r="DT33" s="273"/>
      <c r="DU33" s="273"/>
      <c r="DV33" s="273"/>
      <c r="DW33" s="273"/>
      <c r="DX33" s="273"/>
      <c r="DY33" s="273"/>
      <c r="DZ33" s="273"/>
      <c r="EA33" s="273"/>
      <c r="EB33" s="273"/>
      <c r="EC33" s="273"/>
      <c r="ED33" s="273"/>
      <c r="EE33" s="273"/>
      <c r="EF33" s="273"/>
      <c r="EG33" s="273"/>
      <c r="EH33" s="273"/>
      <c r="EI33" s="273"/>
      <c r="EJ33" s="273"/>
      <c r="EK33" s="274"/>
      <c r="EL33" s="272"/>
      <c r="EM33" s="273"/>
      <c r="EN33" s="273"/>
      <c r="EO33" s="273"/>
      <c r="EP33" s="273"/>
      <c r="EQ33" s="273"/>
      <c r="ER33" s="273"/>
      <c r="ES33" s="273"/>
      <c r="ET33" s="273"/>
      <c r="EU33" s="273"/>
      <c r="EV33" s="273"/>
      <c r="EW33" s="273"/>
      <c r="EX33" s="273"/>
      <c r="EY33" s="273"/>
      <c r="EZ33" s="273"/>
      <c r="FA33" s="273"/>
      <c r="FB33" s="273"/>
      <c r="FC33" s="273"/>
      <c r="FD33" s="273"/>
      <c r="FE33" s="273"/>
      <c r="FF33" s="274"/>
      <c r="FG33" s="272"/>
      <c r="FH33" s="273"/>
      <c r="FI33" s="273"/>
      <c r="FJ33" s="273"/>
      <c r="FK33" s="273"/>
      <c r="FL33" s="273"/>
      <c r="FM33" s="273"/>
      <c r="FN33" s="273"/>
      <c r="FO33" s="273"/>
      <c r="FP33" s="273"/>
      <c r="FQ33" s="273"/>
      <c r="FR33" s="273"/>
      <c r="FS33" s="273"/>
      <c r="FT33" s="273"/>
      <c r="FU33" s="273"/>
      <c r="FV33" s="273"/>
      <c r="FW33" s="273"/>
      <c r="FX33" s="273"/>
      <c r="FY33" s="273"/>
      <c r="FZ33" s="273"/>
      <c r="GA33" s="274"/>
      <c r="GB33" s="272"/>
      <c r="GC33" s="273"/>
      <c r="GD33" s="273"/>
      <c r="GE33" s="273"/>
      <c r="GF33" s="273"/>
      <c r="GG33" s="273"/>
      <c r="GH33" s="273"/>
      <c r="GI33" s="273"/>
      <c r="GJ33" s="273"/>
      <c r="GK33" s="273"/>
      <c r="GL33" s="273"/>
      <c r="GM33" s="273"/>
      <c r="GN33" s="273"/>
      <c r="GO33" s="273"/>
      <c r="GP33" s="273"/>
      <c r="GQ33" s="273"/>
      <c r="GR33" s="273"/>
      <c r="GS33" s="273"/>
      <c r="GT33" s="273"/>
      <c r="GU33" s="273"/>
      <c r="GV33" s="274"/>
      <c r="GW33" s="272"/>
      <c r="GX33" s="273"/>
      <c r="GY33" s="273"/>
      <c r="GZ33" s="273"/>
      <c r="HA33" s="273"/>
      <c r="HB33" s="273"/>
      <c r="HC33" s="273"/>
      <c r="HD33" s="273"/>
      <c r="HE33" s="273"/>
      <c r="HF33" s="273"/>
      <c r="HG33" s="273"/>
      <c r="HH33" s="273"/>
      <c r="HI33" s="273"/>
      <c r="HJ33" s="273"/>
      <c r="HK33" s="273"/>
      <c r="HL33" s="273"/>
      <c r="HM33" s="273"/>
      <c r="HN33" s="273"/>
      <c r="HO33" s="273"/>
      <c r="HP33" s="273"/>
      <c r="HQ33" s="274"/>
    </row>
    <row r="34" spans="2:225" ht="5.25" customHeight="1">
      <c r="B34" s="51"/>
      <c r="C34" s="52"/>
      <c r="D34" s="52"/>
      <c r="E34" s="52"/>
      <c r="F34" s="52"/>
      <c r="G34" s="52"/>
      <c r="H34" s="52"/>
      <c r="I34" s="52"/>
      <c r="J34" s="52"/>
      <c r="K34" s="52"/>
      <c r="L34" s="52"/>
      <c r="M34" s="52"/>
      <c r="N34" s="52"/>
      <c r="O34" s="52"/>
      <c r="P34" s="52"/>
      <c r="Q34" s="52"/>
      <c r="R34" s="53"/>
      <c r="S34" s="252"/>
      <c r="T34" s="253"/>
      <c r="U34" s="253"/>
      <c r="V34" s="253"/>
      <c r="W34" s="253"/>
      <c r="X34" s="253"/>
      <c r="Y34" s="253"/>
      <c r="Z34" s="253"/>
      <c r="AA34" s="253"/>
      <c r="AB34" s="253"/>
      <c r="AC34" s="253"/>
      <c r="AD34" s="253"/>
      <c r="AE34" s="252"/>
      <c r="AF34" s="253"/>
      <c r="AG34" s="253"/>
      <c r="AH34" s="253"/>
      <c r="AI34" s="253"/>
      <c r="AJ34" s="253"/>
      <c r="AK34" s="253"/>
      <c r="AL34" s="253"/>
      <c r="AM34" s="253"/>
      <c r="AN34" s="253"/>
      <c r="AO34" s="253"/>
      <c r="AP34" s="253"/>
      <c r="AQ34" s="252"/>
      <c r="AR34" s="253"/>
      <c r="AS34" s="253"/>
      <c r="AT34" s="253"/>
      <c r="AU34" s="253"/>
      <c r="AV34" s="253"/>
      <c r="AW34" s="253"/>
      <c r="AX34" s="253"/>
      <c r="AY34" s="253"/>
      <c r="AZ34" s="253"/>
      <c r="BA34" s="253"/>
      <c r="BB34" s="256"/>
      <c r="BC34" s="48"/>
      <c r="BD34" s="308"/>
      <c r="BE34" s="309"/>
      <c r="BF34" s="309"/>
      <c r="BG34" s="309"/>
      <c r="BH34" s="309"/>
      <c r="BI34" s="309"/>
      <c r="BJ34" s="309"/>
      <c r="BK34" s="309"/>
      <c r="BL34" s="309"/>
      <c r="BM34" s="309"/>
      <c r="BN34" s="309"/>
      <c r="BO34" s="309"/>
      <c r="BP34" s="309"/>
      <c r="BQ34" s="309"/>
      <c r="BR34" s="309"/>
      <c r="BS34" s="309"/>
      <c r="BT34" s="309"/>
      <c r="BU34" s="309"/>
      <c r="BV34" s="309"/>
      <c r="BW34" s="309"/>
      <c r="BX34" s="309"/>
      <c r="BY34" s="310"/>
      <c r="BZ34" s="2"/>
      <c r="CA34" s="275"/>
      <c r="CB34" s="276"/>
      <c r="CC34" s="276"/>
      <c r="CD34" s="276"/>
      <c r="CE34" s="276"/>
      <c r="CF34" s="276"/>
      <c r="CG34" s="276"/>
      <c r="CH34" s="276"/>
      <c r="CI34" s="276"/>
      <c r="CJ34" s="276"/>
      <c r="CK34" s="276"/>
      <c r="CL34" s="276"/>
      <c r="CM34" s="276"/>
      <c r="CN34" s="276"/>
      <c r="CO34" s="276"/>
      <c r="CP34" s="276"/>
      <c r="CQ34" s="276"/>
      <c r="CR34" s="276"/>
      <c r="CS34" s="276"/>
      <c r="CT34" s="276"/>
      <c r="CU34" s="277"/>
      <c r="CV34" s="275"/>
      <c r="CW34" s="276"/>
      <c r="CX34" s="276"/>
      <c r="CY34" s="276"/>
      <c r="CZ34" s="276"/>
      <c r="DA34" s="276"/>
      <c r="DB34" s="276"/>
      <c r="DC34" s="276"/>
      <c r="DD34" s="276"/>
      <c r="DE34" s="276"/>
      <c r="DF34" s="276"/>
      <c r="DG34" s="276"/>
      <c r="DH34" s="276"/>
      <c r="DI34" s="276"/>
      <c r="DJ34" s="276"/>
      <c r="DK34" s="276"/>
      <c r="DL34" s="276"/>
      <c r="DM34" s="276"/>
      <c r="DN34" s="276"/>
      <c r="DO34" s="276"/>
      <c r="DP34" s="277"/>
      <c r="DQ34" s="275"/>
      <c r="DR34" s="276"/>
      <c r="DS34" s="276"/>
      <c r="DT34" s="276"/>
      <c r="DU34" s="276"/>
      <c r="DV34" s="276"/>
      <c r="DW34" s="276"/>
      <c r="DX34" s="276"/>
      <c r="DY34" s="276"/>
      <c r="DZ34" s="276"/>
      <c r="EA34" s="276"/>
      <c r="EB34" s="276"/>
      <c r="EC34" s="276"/>
      <c r="ED34" s="276"/>
      <c r="EE34" s="276"/>
      <c r="EF34" s="276"/>
      <c r="EG34" s="276"/>
      <c r="EH34" s="276"/>
      <c r="EI34" s="276"/>
      <c r="EJ34" s="276"/>
      <c r="EK34" s="277"/>
      <c r="EL34" s="275"/>
      <c r="EM34" s="276"/>
      <c r="EN34" s="276"/>
      <c r="EO34" s="276"/>
      <c r="EP34" s="276"/>
      <c r="EQ34" s="276"/>
      <c r="ER34" s="276"/>
      <c r="ES34" s="276"/>
      <c r="ET34" s="276"/>
      <c r="EU34" s="276"/>
      <c r="EV34" s="276"/>
      <c r="EW34" s="276"/>
      <c r="EX34" s="276"/>
      <c r="EY34" s="276"/>
      <c r="EZ34" s="276"/>
      <c r="FA34" s="276"/>
      <c r="FB34" s="276"/>
      <c r="FC34" s="276"/>
      <c r="FD34" s="276"/>
      <c r="FE34" s="276"/>
      <c r="FF34" s="277"/>
      <c r="FG34" s="275"/>
      <c r="FH34" s="276"/>
      <c r="FI34" s="276"/>
      <c r="FJ34" s="276"/>
      <c r="FK34" s="276"/>
      <c r="FL34" s="276"/>
      <c r="FM34" s="276"/>
      <c r="FN34" s="276"/>
      <c r="FO34" s="276"/>
      <c r="FP34" s="276"/>
      <c r="FQ34" s="276"/>
      <c r="FR34" s="276"/>
      <c r="FS34" s="276"/>
      <c r="FT34" s="276"/>
      <c r="FU34" s="276"/>
      <c r="FV34" s="276"/>
      <c r="FW34" s="276"/>
      <c r="FX34" s="276"/>
      <c r="FY34" s="276"/>
      <c r="FZ34" s="276"/>
      <c r="GA34" s="277"/>
      <c r="GB34" s="275"/>
      <c r="GC34" s="276"/>
      <c r="GD34" s="276"/>
      <c r="GE34" s="276"/>
      <c r="GF34" s="276"/>
      <c r="GG34" s="276"/>
      <c r="GH34" s="276"/>
      <c r="GI34" s="276"/>
      <c r="GJ34" s="276"/>
      <c r="GK34" s="276"/>
      <c r="GL34" s="276"/>
      <c r="GM34" s="276"/>
      <c r="GN34" s="276"/>
      <c r="GO34" s="276"/>
      <c r="GP34" s="276"/>
      <c r="GQ34" s="276"/>
      <c r="GR34" s="276"/>
      <c r="GS34" s="276"/>
      <c r="GT34" s="276"/>
      <c r="GU34" s="276"/>
      <c r="GV34" s="277"/>
      <c r="GW34" s="275"/>
      <c r="GX34" s="276"/>
      <c r="GY34" s="276"/>
      <c r="GZ34" s="276"/>
      <c r="HA34" s="276"/>
      <c r="HB34" s="276"/>
      <c r="HC34" s="276"/>
      <c r="HD34" s="276"/>
      <c r="HE34" s="276"/>
      <c r="HF34" s="276"/>
      <c r="HG34" s="276"/>
      <c r="HH34" s="276"/>
      <c r="HI34" s="276"/>
      <c r="HJ34" s="276"/>
      <c r="HK34" s="276"/>
      <c r="HL34" s="276"/>
      <c r="HM34" s="276"/>
      <c r="HN34" s="276"/>
      <c r="HO34" s="276"/>
      <c r="HP34" s="276"/>
      <c r="HQ34" s="277"/>
    </row>
    <row r="35" spans="2:225" ht="6" customHeight="1">
      <c r="B35" s="2"/>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33"/>
      <c r="BD35" s="33"/>
      <c r="BE35" s="33"/>
      <c r="BF35" s="33"/>
      <c r="BG35" s="2"/>
      <c r="BH35" s="2"/>
      <c r="BI35" s="2"/>
      <c r="BJ35" s="2"/>
      <c r="BK35" s="2"/>
      <c r="BL35" s="2"/>
      <c r="BM35" s="2"/>
      <c r="BN35" s="2"/>
      <c r="BO35" s="2"/>
      <c r="BP35" s="2"/>
      <c r="BQ35" s="2"/>
      <c r="BR35" s="2"/>
      <c r="BS35" s="2"/>
      <c r="BT35" s="2"/>
      <c r="BU35" s="2"/>
      <c r="BV35" s="2"/>
      <c r="BW35" s="2"/>
      <c r="BX35" s="54"/>
      <c r="BY35" s="3"/>
      <c r="BZ35" s="43"/>
      <c r="CA35" s="43">
        <v>0</v>
      </c>
      <c r="CB35" s="43"/>
      <c r="CC35" s="43"/>
      <c r="CD35" s="43"/>
      <c r="CE35" s="43"/>
      <c r="CF35" s="43"/>
      <c r="CG35" s="43"/>
      <c r="CH35" s="43"/>
      <c r="CI35" s="43"/>
      <c r="CJ35" s="43"/>
      <c r="CK35" s="43"/>
      <c r="CL35" s="3"/>
      <c r="CM35" s="55"/>
      <c r="CN35" s="55"/>
      <c r="CO35" s="55"/>
      <c r="CP35" s="55"/>
      <c r="CQ35" s="55"/>
      <c r="CR35" s="55"/>
      <c r="CS35" s="55"/>
      <c r="CT35" s="55"/>
      <c r="CU35" s="55"/>
      <c r="CV35" s="55"/>
      <c r="CW35" s="27"/>
      <c r="CX35" s="27"/>
      <c r="CY35" s="27"/>
      <c r="CZ35" s="27"/>
      <c r="DA35" s="27"/>
      <c r="DB35" s="27"/>
      <c r="DC35" s="27"/>
      <c r="DD35" s="27"/>
      <c r="DE35" s="27"/>
      <c r="DF35" s="27"/>
      <c r="DG35" s="27"/>
      <c r="DH35" s="27"/>
      <c r="DI35" s="27"/>
      <c r="DJ35" s="27"/>
      <c r="DK35" s="27"/>
      <c r="DL35" s="27"/>
      <c r="DM35" s="27"/>
      <c r="DN35" s="27"/>
      <c r="DO35" s="27"/>
      <c r="DP35" s="27"/>
      <c r="DQ35" s="27"/>
      <c r="DR35" s="27"/>
      <c r="DS35" s="27"/>
      <c r="DT35" s="27"/>
      <c r="DU35" s="27"/>
      <c r="DV35" s="27"/>
      <c r="DW35" s="27"/>
      <c r="DX35" s="27"/>
      <c r="DY35" s="2"/>
      <c r="DZ35" s="2"/>
      <c r="EA35" s="2"/>
      <c r="EB35" s="54"/>
      <c r="EC35" s="54"/>
      <c r="ED35" s="54"/>
      <c r="EE35" s="54"/>
      <c r="EF35" s="54"/>
      <c r="EG35" s="54"/>
      <c r="EH35" s="3"/>
      <c r="EI35" s="43"/>
      <c r="EJ35" s="43"/>
      <c r="EK35" s="43"/>
      <c r="EL35" s="43"/>
      <c r="EM35" s="43"/>
      <c r="EN35" s="43"/>
      <c r="EO35" s="43"/>
      <c r="EP35" s="43"/>
      <c r="EQ35" s="43"/>
      <c r="ER35" s="43"/>
      <c r="ES35" s="43"/>
      <c r="ET35" s="43"/>
      <c r="EU35" s="3"/>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row>
    <row r="36" spans="2:225" ht="5.25" customHeight="1">
      <c r="B36" s="120" t="s">
        <v>38</v>
      </c>
      <c r="C36" s="120"/>
      <c r="D36" s="120"/>
      <c r="E36" s="120"/>
      <c r="F36" s="120"/>
      <c r="G36" s="120"/>
      <c r="H36" s="120"/>
      <c r="I36" s="120" t="s">
        <v>39</v>
      </c>
      <c r="J36" s="120"/>
      <c r="K36" s="120"/>
      <c r="L36" s="120"/>
      <c r="M36" s="120"/>
      <c r="N36" s="120"/>
      <c r="O36" s="120"/>
      <c r="P36" s="279" t="s">
        <v>87</v>
      </c>
      <c r="Q36" s="279"/>
      <c r="R36" s="279"/>
      <c r="S36" s="279"/>
      <c r="T36" s="279"/>
      <c r="U36" s="279"/>
      <c r="V36" s="279"/>
      <c r="W36" s="279"/>
      <c r="X36" s="279"/>
      <c r="Y36" s="279"/>
      <c r="Z36" s="279"/>
      <c r="AA36" s="279"/>
      <c r="AB36" s="279"/>
      <c r="AC36" s="279"/>
      <c r="AD36" s="279"/>
      <c r="AE36" s="279"/>
      <c r="AF36" s="279"/>
      <c r="AG36" s="279"/>
      <c r="AH36" s="279"/>
      <c r="AI36" s="279"/>
      <c r="AJ36" s="279"/>
      <c r="AK36" s="279"/>
      <c r="AL36" s="279"/>
      <c r="AM36" s="279"/>
      <c r="AN36" s="279"/>
      <c r="AO36" s="279"/>
      <c r="AP36" s="279"/>
      <c r="AQ36" s="279"/>
      <c r="AR36" s="279"/>
      <c r="AS36" s="279"/>
      <c r="AT36" s="279"/>
      <c r="AU36" s="279"/>
      <c r="AV36" s="279"/>
      <c r="AW36" s="279"/>
      <c r="AX36" s="279"/>
      <c r="AY36" s="279"/>
      <c r="AZ36" s="279"/>
      <c r="BA36" s="279"/>
      <c r="BB36" s="279"/>
      <c r="BC36" s="279"/>
      <c r="BD36" s="279"/>
      <c r="BE36" s="279"/>
      <c r="BF36" s="279"/>
      <c r="BG36" s="279"/>
      <c r="BH36" s="279"/>
      <c r="BI36" s="279"/>
      <c r="BJ36" s="279"/>
      <c r="BK36" s="279"/>
      <c r="BL36" s="279"/>
      <c r="BM36" s="279"/>
      <c r="BN36" s="279"/>
      <c r="BO36" s="279"/>
      <c r="BP36" s="279"/>
      <c r="BQ36" s="279"/>
      <c r="BR36" s="279"/>
      <c r="BS36" s="279"/>
      <c r="BT36" s="279"/>
      <c r="BU36" s="279"/>
      <c r="BV36" s="279"/>
      <c r="BW36" s="279"/>
      <c r="BX36" s="279"/>
      <c r="BY36" s="279"/>
      <c r="BZ36" s="279"/>
      <c r="CA36" s="279"/>
      <c r="CB36" s="279"/>
      <c r="CC36" s="279"/>
      <c r="CD36" s="279"/>
      <c r="CE36" s="279"/>
      <c r="CF36" s="279"/>
      <c r="CG36" s="279"/>
      <c r="CH36" s="279"/>
      <c r="CI36" s="120" t="s">
        <v>40</v>
      </c>
      <c r="CJ36" s="120"/>
      <c r="CK36" s="120"/>
      <c r="CL36" s="120"/>
      <c r="CM36" s="120"/>
      <c r="CN36" s="120"/>
      <c r="CO36" s="120"/>
      <c r="CP36" s="120"/>
      <c r="CQ36" s="120"/>
      <c r="CR36" s="120"/>
      <c r="CS36" s="120"/>
      <c r="CT36" s="120"/>
      <c r="CU36" s="120"/>
      <c r="CV36" s="120"/>
      <c r="CW36" s="120"/>
      <c r="CX36" s="120"/>
      <c r="CY36" s="120"/>
      <c r="CZ36" s="120"/>
      <c r="DA36" s="120"/>
      <c r="DB36" s="120"/>
      <c r="DC36" s="120"/>
      <c r="DD36" s="120"/>
      <c r="DE36" s="120"/>
      <c r="DF36" s="120"/>
      <c r="DG36" s="120"/>
      <c r="DH36" s="120"/>
      <c r="DI36" s="120" t="s">
        <v>41</v>
      </c>
      <c r="DJ36" s="120"/>
      <c r="DK36" s="120"/>
      <c r="DL36" s="120"/>
      <c r="DM36" s="120"/>
      <c r="DN36" s="120"/>
      <c r="DO36" s="120"/>
      <c r="DP36" s="120"/>
      <c r="DQ36" s="120"/>
      <c r="DR36" s="120"/>
      <c r="DS36" s="120"/>
      <c r="DT36" s="120"/>
      <c r="DU36" s="120" t="s">
        <v>42</v>
      </c>
      <c r="DV36" s="120"/>
      <c r="DW36" s="120"/>
      <c r="DX36" s="120"/>
      <c r="DY36" s="120"/>
      <c r="DZ36" s="120"/>
      <c r="EA36" s="120"/>
      <c r="EB36" s="120"/>
      <c r="EC36" s="120"/>
      <c r="ED36" s="120"/>
      <c r="EE36" s="120"/>
      <c r="EF36" s="120"/>
      <c r="EG36" s="122" t="s">
        <v>43</v>
      </c>
      <c r="EH36" s="123"/>
      <c r="EI36" s="123"/>
      <c r="EJ36" s="123"/>
      <c r="EK36" s="123"/>
      <c r="EL36" s="123"/>
      <c r="EM36" s="123"/>
      <c r="EN36" s="123"/>
      <c r="EO36" s="123"/>
      <c r="EP36" s="123"/>
      <c r="EQ36" s="123"/>
      <c r="ER36" s="123"/>
      <c r="ES36" s="123"/>
      <c r="ET36" s="123"/>
      <c r="EU36" s="124"/>
      <c r="EV36" s="184" t="s">
        <v>85</v>
      </c>
      <c r="EW36" s="185"/>
      <c r="EX36" s="185"/>
      <c r="EY36" s="185"/>
      <c r="EZ36" s="185"/>
      <c r="FA36" s="185"/>
      <c r="FB36" s="185"/>
      <c r="FC36" s="185"/>
      <c r="FD36" s="185"/>
      <c r="FE36" s="185"/>
      <c r="FF36" s="185"/>
      <c r="FG36" s="185"/>
      <c r="FH36" s="185"/>
      <c r="FI36" s="185"/>
      <c r="FJ36" s="185"/>
      <c r="FK36" s="185"/>
      <c r="FL36" s="185"/>
      <c r="FM36" s="186"/>
      <c r="FN36" s="120" t="s">
        <v>44</v>
      </c>
      <c r="FO36" s="120"/>
      <c r="FP36" s="120"/>
      <c r="FQ36" s="120"/>
      <c r="FR36" s="120"/>
      <c r="FS36" s="120"/>
      <c r="FT36" s="120"/>
      <c r="FU36" s="120"/>
      <c r="FV36" s="120"/>
      <c r="FW36" s="120"/>
      <c r="FX36" s="120"/>
      <c r="FY36" s="120"/>
      <c r="FZ36" s="120"/>
      <c r="GA36" s="120"/>
      <c r="GB36" s="120"/>
      <c r="GC36" s="120"/>
      <c r="GD36" s="120"/>
      <c r="GE36" s="120"/>
      <c r="GF36" s="120"/>
      <c r="GG36" s="120"/>
      <c r="GH36" s="120"/>
      <c r="GI36" s="120"/>
      <c r="GJ36" s="120"/>
      <c r="GK36" s="120"/>
      <c r="GL36" s="120"/>
      <c r="GM36" s="120"/>
      <c r="GN36" s="120"/>
      <c r="GO36" s="120"/>
      <c r="GP36" s="280" t="s">
        <v>45</v>
      </c>
      <c r="GQ36" s="281"/>
      <c r="GR36" s="281"/>
      <c r="GS36" s="281"/>
      <c r="GT36" s="281"/>
      <c r="GU36" s="281"/>
      <c r="GV36" s="281"/>
      <c r="GW36" s="281"/>
      <c r="GX36" s="281"/>
      <c r="GY36" s="281"/>
      <c r="GZ36" s="281"/>
      <c r="HA36" s="281"/>
      <c r="HB36" s="281"/>
      <c r="HC36" s="281"/>
      <c r="HD36" s="281"/>
      <c r="HE36" s="281"/>
      <c r="HF36" s="281"/>
      <c r="HG36" s="281"/>
      <c r="HH36" s="281"/>
      <c r="HI36" s="281"/>
      <c r="HJ36" s="281"/>
      <c r="HK36" s="281"/>
      <c r="HL36" s="281"/>
      <c r="HM36" s="281"/>
      <c r="HN36" s="281"/>
      <c r="HO36" s="281"/>
      <c r="HP36" s="281"/>
      <c r="HQ36" s="282"/>
    </row>
    <row r="37" spans="2:225" ht="5.25" customHeight="1">
      <c r="B37" s="120"/>
      <c r="C37" s="120"/>
      <c r="D37" s="120"/>
      <c r="E37" s="120"/>
      <c r="F37" s="120"/>
      <c r="G37" s="120"/>
      <c r="H37" s="120"/>
      <c r="I37" s="120"/>
      <c r="J37" s="120"/>
      <c r="K37" s="120"/>
      <c r="L37" s="120"/>
      <c r="M37" s="120"/>
      <c r="N37" s="120"/>
      <c r="O37" s="120"/>
      <c r="P37" s="279"/>
      <c r="Q37" s="279"/>
      <c r="R37" s="279"/>
      <c r="S37" s="279"/>
      <c r="T37" s="279"/>
      <c r="U37" s="279"/>
      <c r="V37" s="279"/>
      <c r="W37" s="279"/>
      <c r="X37" s="279"/>
      <c r="Y37" s="279"/>
      <c r="Z37" s="279"/>
      <c r="AA37" s="279"/>
      <c r="AB37" s="279"/>
      <c r="AC37" s="279"/>
      <c r="AD37" s="279"/>
      <c r="AE37" s="279"/>
      <c r="AF37" s="279"/>
      <c r="AG37" s="279"/>
      <c r="AH37" s="279"/>
      <c r="AI37" s="279"/>
      <c r="AJ37" s="279"/>
      <c r="AK37" s="279"/>
      <c r="AL37" s="279"/>
      <c r="AM37" s="279"/>
      <c r="AN37" s="279"/>
      <c r="AO37" s="279"/>
      <c r="AP37" s="279"/>
      <c r="AQ37" s="279"/>
      <c r="AR37" s="279"/>
      <c r="AS37" s="279"/>
      <c r="AT37" s="279"/>
      <c r="AU37" s="279"/>
      <c r="AV37" s="279"/>
      <c r="AW37" s="279"/>
      <c r="AX37" s="279"/>
      <c r="AY37" s="279"/>
      <c r="AZ37" s="279"/>
      <c r="BA37" s="279"/>
      <c r="BB37" s="279"/>
      <c r="BC37" s="279"/>
      <c r="BD37" s="279"/>
      <c r="BE37" s="279"/>
      <c r="BF37" s="279"/>
      <c r="BG37" s="279"/>
      <c r="BH37" s="279"/>
      <c r="BI37" s="279"/>
      <c r="BJ37" s="279"/>
      <c r="BK37" s="279"/>
      <c r="BL37" s="279"/>
      <c r="BM37" s="279"/>
      <c r="BN37" s="279"/>
      <c r="BO37" s="279"/>
      <c r="BP37" s="279"/>
      <c r="BQ37" s="279"/>
      <c r="BR37" s="279"/>
      <c r="BS37" s="279"/>
      <c r="BT37" s="279"/>
      <c r="BU37" s="279"/>
      <c r="BV37" s="279"/>
      <c r="BW37" s="279"/>
      <c r="BX37" s="279"/>
      <c r="BY37" s="279"/>
      <c r="BZ37" s="279"/>
      <c r="CA37" s="279"/>
      <c r="CB37" s="279"/>
      <c r="CC37" s="279"/>
      <c r="CD37" s="279"/>
      <c r="CE37" s="279"/>
      <c r="CF37" s="279"/>
      <c r="CG37" s="279"/>
      <c r="CH37" s="279"/>
      <c r="CI37" s="120"/>
      <c r="CJ37" s="120"/>
      <c r="CK37" s="120"/>
      <c r="CL37" s="120"/>
      <c r="CM37" s="120"/>
      <c r="CN37" s="120"/>
      <c r="CO37" s="120"/>
      <c r="CP37" s="120"/>
      <c r="CQ37" s="120"/>
      <c r="CR37" s="120"/>
      <c r="CS37" s="120"/>
      <c r="CT37" s="120"/>
      <c r="CU37" s="120"/>
      <c r="CV37" s="120"/>
      <c r="CW37" s="120"/>
      <c r="CX37" s="120"/>
      <c r="CY37" s="120"/>
      <c r="CZ37" s="120"/>
      <c r="DA37" s="120"/>
      <c r="DB37" s="120"/>
      <c r="DC37" s="120"/>
      <c r="DD37" s="120"/>
      <c r="DE37" s="120"/>
      <c r="DF37" s="120"/>
      <c r="DG37" s="120"/>
      <c r="DH37" s="120"/>
      <c r="DI37" s="120"/>
      <c r="DJ37" s="120"/>
      <c r="DK37" s="120"/>
      <c r="DL37" s="120"/>
      <c r="DM37" s="120"/>
      <c r="DN37" s="120"/>
      <c r="DO37" s="120"/>
      <c r="DP37" s="120"/>
      <c r="DQ37" s="120"/>
      <c r="DR37" s="120"/>
      <c r="DS37" s="120"/>
      <c r="DT37" s="120"/>
      <c r="DU37" s="120"/>
      <c r="DV37" s="120"/>
      <c r="DW37" s="120"/>
      <c r="DX37" s="120"/>
      <c r="DY37" s="120"/>
      <c r="DZ37" s="120"/>
      <c r="EA37" s="120"/>
      <c r="EB37" s="120"/>
      <c r="EC37" s="120"/>
      <c r="ED37" s="120"/>
      <c r="EE37" s="120"/>
      <c r="EF37" s="120"/>
      <c r="EG37" s="125"/>
      <c r="EH37" s="126"/>
      <c r="EI37" s="126"/>
      <c r="EJ37" s="126"/>
      <c r="EK37" s="126"/>
      <c r="EL37" s="126"/>
      <c r="EM37" s="126"/>
      <c r="EN37" s="126"/>
      <c r="EO37" s="126"/>
      <c r="EP37" s="126"/>
      <c r="EQ37" s="126"/>
      <c r="ER37" s="126"/>
      <c r="ES37" s="126"/>
      <c r="ET37" s="126"/>
      <c r="EU37" s="127"/>
      <c r="EV37" s="187"/>
      <c r="EW37" s="188"/>
      <c r="EX37" s="188"/>
      <c r="EY37" s="188"/>
      <c r="EZ37" s="188"/>
      <c r="FA37" s="188"/>
      <c r="FB37" s="188"/>
      <c r="FC37" s="188"/>
      <c r="FD37" s="188"/>
      <c r="FE37" s="188"/>
      <c r="FF37" s="188"/>
      <c r="FG37" s="188"/>
      <c r="FH37" s="188"/>
      <c r="FI37" s="188"/>
      <c r="FJ37" s="188"/>
      <c r="FK37" s="188"/>
      <c r="FL37" s="188"/>
      <c r="FM37" s="189"/>
      <c r="FN37" s="120"/>
      <c r="FO37" s="120"/>
      <c r="FP37" s="120"/>
      <c r="FQ37" s="120"/>
      <c r="FR37" s="120"/>
      <c r="FS37" s="120"/>
      <c r="FT37" s="120"/>
      <c r="FU37" s="120"/>
      <c r="FV37" s="120"/>
      <c r="FW37" s="120"/>
      <c r="FX37" s="120"/>
      <c r="FY37" s="120"/>
      <c r="FZ37" s="120"/>
      <c r="GA37" s="120"/>
      <c r="GB37" s="120"/>
      <c r="GC37" s="120"/>
      <c r="GD37" s="120"/>
      <c r="GE37" s="120"/>
      <c r="GF37" s="120"/>
      <c r="GG37" s="120"/>
      <c r="GH37" s="120"/>
      <c r="GI37" s="120"/>
      <c r="GJ37" s="120"/>
      <c r="GK37" s="120"/>
      <c r="GL37" s="120"/>
      <c r="GM37" s="120"/>
      <c r="GN37" s="120"/>
      <c r="GO37" s="120"/>
      <c r="GP37" s="283"/>
      <c r="GQ37" s="284"/>
      <c r="GR37" s="284"/>
      <c r="GS37" s="284"/>
      <c r="GT37" s="284"/>
      <c r="GU37" s="284"/>
      <c r="GV37" s="284"/>
      <c r="GW37" s="284"/>
      <c r="GX37" s="284"/>
      <c r="GY37" s="284"/>
      <c r="GZ37" s="284"/>
      <c r="HA37" s="284"/>
      <c r="HB37" s="284"/>
      <c r="HC37" s="284"/>
      <c r="HD37" s="284"/>
      <c r="HE37" s="284"/>
      <c r="HF37" s="284"/>
      <c r="HG37" s="284"/>
      <c r="HH37" s="284"/>
      <c r="HI37" s="284"/>
      <c r="HJ37" s="284"/>
      <c r="HK37" s="284"/>
      <c r="HL37" s="284"/>
      <c r="HM37" s="284"/>
      <c r="HN37" s="284"/>
      <c r="HO37" s="284"/>
      <c r="HP37" s="284"/>
      <c r="HQ37" s="285"/>
    </row>
    <row r="38" spans="2:225" ht="5.25" customHeight="1">
      <c r="B38" s="120"/>
      <c r="C38" s="120"/>
      <c r="D38" s="120"/>
      <c r="E38" s="120"/>
      <c r="F38" s="120"/>
      <c r="G38" s="120"/>
      <c r="H38" s="120"/>
      <c r="I38" s="120"/>
      <c r="J38" s="120"/>
      <c r="K38" s="120"/>
      <c r="L38" s="120"/>
      <c r="M38" s="120"/>
      <c r="N38" s="120"/>
      <c r="O38" s="120"/>
      <c r="P38" s="279"/>
      <c r="Q38" s="279"/>
      <c r="R38" s="279"/>
      <c r="S38" s="279"/>
      <c r="T38" s="279"/>
      <c r="U38" s="279"/>
      <c r="V38" s="279"/>
      <c r="W38" s="279"/>
      <c r="X38" s="279"/>
      <c r="Y38" s="279"/>
      <c r="Z38" s="279"/>
      <c r="AA38" s="279"/>
      <c r="AB38" s="279"/>
      <c r="AC38" s="279"/>
      <c r="AD38" s="279"/>
      <c r="AE38" s="279"/>
      <c r="AF38" s="279"/>
      <c r="AG38" s="279"/>
      <c r="AH38" s="279"/>
      <c r="AI38" s="279"/>
      <c r="AJ38" s="279"/>
      <c r="AK38" s="279"/>
      <c r="AL38" s="279"/>
      <c r="AM38" s="279"/>
      <c r="AN38" s="279"/>
      <c r="AO38" s="279"/>
      <c r="AP38" s="279"/>
      <c r="AQ38" s="279"/>
      <c r="AR38" s="279"/>
      <c r="AS38" s="279"/>
      <c r="AT38" s="279"/>
      <c r="AU38" s="279"/>
      <c r="AV38" s="279"/>
      <c r="AW38" s="279"/>
      <c r="AX38" s="279"/>
      <c r="AY38" s="279"/>
      <c r="AZ38" s="279"/>
      <c r="BA38" s="279"/>
      <c r="BB38" s="279"/>
      <c r="BC38" s="279"/>
      <c r="BD38" s="279"/>
      <c r="BE38" s="279"/>
      <c r="BF38" s="279"/>
      <c r="BG38" s="279"/>
      <c r="BH38" s="279"/>
      <c r="BI38" s="279"/>
      <c r="BJ38" s="279"/>
      <c r="BK38" s="279"/>
      <c r="BL38" s="279"/>
      <c r="BM38" s="279"/>
      <c r="BN38" s="279"/>
      <c r="BO38" s="279"/>
      <c r="BP38" s="279"/>
      <c r="BQ38" s="279"/>
      <c r="BR38" s="279"/>
      <c r="BS38" s="279"/>
      <c r="BT38" s="279"/>
      <c r="BU38" s="279"/>
      <c r="BV38" s="279"/>
      <c r="BW38" s="279"/>
      <c r="BX38" s="279"/>
      <c r="BY38" s="279"/>
      <c r="BZ38" s="279"/>
      <c r="CA38" s="279"/>
      <c r="CB38" s="279"/>
      <c r="CC38" s="279"/>
      <c r="CD38" s="279"/>
      <c r="CE38" s="279"/>
      <c r="CF38" s="279"/>
      <c r="CG38" s="279"/>
      <c r="CH38" s="279"/>
      <c r="CI38" s="120"/>
      <c r="CJ38" s="120"/>
      <c r="CK38" s="120"/>
      <c r="CL38" s="120"/>
      <c r="CM38" s="120"/>
      <c r="CN38" s="120"/>
      <c r="CO38" s="120"/>
      <c r="CP38" s="120"/>
      <c r="CQ38" s="120"/>
      <c r="CR38" s="120"/>
      <c r="CS38" s="120"/>
      <c r="CT38" s="120"/>
      <c r="CU38" s="120"/>
      <c r="CV38" s="120"/>
      <c r="CW38" s="120"/>
      <c r="CX38" s="120"/>
      <c r="CY38" s="120"/>
      <c r="CZ38" s="120"/>
      <c r="DA38" s="120"/>
      <c r="DB38" s="120"/>
      <c r="DC38" s="120"/>
      <c r="DD38" s="120"/>
      <c r="DE38" s="120"/>
      <c r="DF38" s="120"/>
      <c r="DG38" s="120"/>
      <c r="DH38" s="120"/>
      <c r="DI38" s="120"/>
      <c r="DJ38" s="120"/>
      <c r="DK38" s="120"/>
      <c r="DL38" s="120"/>
      <c r="DM38" s="120"/>
      <c r="DN38" s="120"/>
      <c r="DO38" s="120"/>
      <c r="DP38" s="120"/>
      <c r="DQ38" s="120"/>
      <c r="DR38" s="120"/>
      <c r="DS38" s="120"/>
      <c r="DT38" s="120"/>
      <c r="DU38" s="120"/>
      <c r="DV38" s="120"/>
      <c r="DW38" s="120"/>
      <c r="DX38" s="120"/>
      <c r="DY38" s="120"/>
      <c r="DZ38" s="120"/>
      <c r="EA38" s="120"/>
      <c r="EB38" s="120"/>
      <c r="EC38" s="120"/>
      <c r="ED38" s="120"/>
      <c r="EE38" s="120"/>
      <c r="EF38" s="120"/>
      <c r="EG38" s="128"/>
      <c r="EH38" s="129"/>
      <c r="EI38" s="129"/>
      <c r="EJ38" s="129"/>
      <c r="EK38" s="129"/>
      <c r="EL38" s="129"/>
      <c r="EM38" s="129"/>
      <c r="EN38" s="129"/>
      <c r="EO38" s="129"/>
      <c r="EP38" s="129"/>
      <c r="EQ38" s="129"/>
      <c r="ER38" s="129"/>
      <c r="ES38" s="129"/>
      <c r="ET38" s="129"/>
      <c r="EU38" s="130"/>
      <c r="EV38" s="190"/>
      <c r="EW38" s="191"/>
      <c r="EX38" s="191"/>
      <c r="EY38" s="191"/>
      <c r="EZ38" s="191"/>
      <c r="FA38" s="191"/>
      <c r="FB38" s="191"/>
      <c r="FC38" s="191"/>
      <c r="FD38" s="191"/>
      <c r="FE38" s="191"/>
      <c r="FF38" s="191"/>
      <c r="FG38" s="191"/>
      <c r="FH38" s="191"/>
      <c r="FI38" s="191"/>
      <c r="FJ38" s="191"/>
      <c r="FK38" s="191"/>
      <c r="FL38" s="191"/>
      <c r="FM38" s="192"/>
      <c r="FN38" s="120"/>
      <c r="FO38" s="120"/>
      <c r="FP38" s="120"/>
      <c r="FQ38" s="120"/>
      <c r="FR38" s="120"/>
      <c r="FS38" s="120"/>
      <c r="FT38" s="120"/>
      <c r="FU38" s="120"/>
      <c r="FV38" s="120"/>
      <c r="FW38" s="120"/>
      <c r="FX38" s="120"/>
      <c r="FY38" s="120"/>
      <c r="FZ38" s="120"/>
      <c r="GA38" s="120"/>
      <c r="GB38" s="120"/>
      <c r="GC38" s="120"/>
      <c r="GD38" s="120"/>
      <c r="GE38" s="120"/>
      <c r="GF38" s="120"/>
      <c r="GG38" s="120"/>
      <c r="GH38" s="120"/>
      <c r="GI38" s="120"/>
      <c r="GJ38" s="120"/>
      <c r="GK38" s="120"/>
      <c r="GL38" s="120"/>
      <c r="GM38" s="120"/>
      <c r="GN38" s="120"/>
      <c r="GO38" s="120"/>
      <c r="GP38" s="286"/>
      <c r="GQ38" s="287"/>
      <c r="GR38" s="287"/>
      <c r="GS38" s="287"/>
      <c r="GT38" s="287"/>
      <c r="GU38" s="287"/>
      <c r="GV38" s="287"/>
      <c r="GW38" s="287"/>
      <c r="GX38" s="287"/>
      <c r="GY38" s="287"/>
      <c r="GZ38" s="287"/>
      <c r="HA38" s="287"/>
      <c r="HB38" s="287"/>
      <c r="HC38" s="287"/>
      <c r="HD38" s="287"/>
      <c r="HE38" s="287"/>
      <c r="HF38" s="287"/>
      <c r="HG38" s="287"/>
      <c r="HH38" s="287"/>
      <c r="HI38" s="287"/>
      <c r="HJ38" s="287"/>
      <c r="HK38" s="287"/>
      <c r="HL38" s="287"/>
      <c r="HM38" s="287"/>
      <c r="HN38" s="287"/>
      <c r="HO38" s="287"/>
      <c r="HP38" s="287"/>
      <c r="HQ38" s="288"/>
    </row>
    <row r="39" spans="2:225" ht="6" customHeight="1">
      <c r="B39" s="225">
        <v>10</v>
      </c>
      <c r="C39" s="225"/>
      <c r="D39" s="225"/>
      <c r="E39" s="225"/>
      <c r="F39" s="225"/>
      <c r="G39" s="225"/>
      <c r="H39" s="225"/>
      <c r="I39" s="225">
        <v>1</v>
      </c>
      <c r="J39" s="225"/>
      <c r="K39" s="225"/>
      <c r="L39" s="225"/>
      <c r="M39" s="225"/>
      <c r="N39" s="225"/>
      <c r="O39" s="225"/>
      <c r="P39" s="226"/>
      <c r="Q39" s="245" t="s">
        <v>86</v>
      </c>
      <c r="R39" s="246"/>
      <c r="S39" s="246"/>
      <c r="T39" s="246"/>
      <c r="U39" s="246"/>
      <c r="V39" s="246"/>
      <c r="W39" s="246"/>
      <c r="X39" s="246"/>
      <c r="Y39" s="246"/>
      <c r="Z39" s="246"/>
      <c r="AA39" s="246"/>
      <c r="AB39" s="246"/>
      <c r="AC39" s="246"/>
      <c r="AD39" s="246"/>
      <c r="AE39" s="246"/>
      <c r="AF39" s="246"/>
      <c r="AG39" s="246"/>
      <c r="AH39" s="246"/>
      <c r="AI39" s="246"/>
      <c r="AJ39" s="246"/>
      <c r="AK39" s="246"/>
      <c r="AL39" s="246"/>
      <c r="AM39" s="246"/>
      <c r="AN39" s="246"/>
      <c r="AO39" s="246"/>
      <c r="AP39" s="246"/>
      <c r="AQ39" s="246"/>
      <c r="AR39" s="246"/>
      <c r="AS39" s="246"/>
      <c r="AT39" s="246"/>
      <c r="AU39" s="246"/>
      <c r="AV39" s="246"/>
      <c r="AW39" s="246"/>
      <c r="AX39" s="246"/>
      <c r="AY39" s="246"/>
      <c r="AZ39" s="246"/>
      <c r="BA39" s="246"/>
      <c r="BB39" s="246"/>
      <c r="BC39" s="246"/>
      <c r="BD39" s="246"/>
      <c r="BE39" s="246"/>
      <c r="BF39" s="246"/>
      <c r="BG39" s="246"/>
      <c r="BH39" s="246"/>
      <c r="BI39" s="246"/>
      <c r="BJ39" s="246"/>
      <c r="BK39" s="246"/>
      <c r="BL39" s="246"/>
      <c r="BM39" s="246"/>
      <c r="BN39" s="246"/>
      <c r="BO39" s="246"/>
      <c r="BP39" s="246"/>
      <c r="BQ39" s="246"/>
      <c r="BR39" s="246"/>
      <c r="BS39" s="246"/>
      <c r="BT39" s="246"/>
      <c r="BU39" s="246"/>
      <c r="BV39" s="246"/>
      <c r="BW39" s="246"/>
      <c r="BX39" s="246"/>
      <c r="BY39" s="246"/>
      <c r="BZ39" s="246"/>
      <c r="CA39" s="246"/>
      <c r="CB39" s="246"/>
      <c r="CC39" s="246"/>
      <c r="CD39" s="246"/>
      <c r="CE39" s="246"/>
      <c r="CF39" s="246"/>
      <c r="CG39" s="247"/>
      <c r="CH39" s="230"/>
      <c r="CI39" s="215">
        <v>1500000</v>
      </c>
      <c r="CJ39" s="215"/>
      <c r="CK39" s="215"/>
      <c r="CL39" s="215"/>
      <c r="CM39" s="215"/>
      <c r="CN39" s="215"/>
      <c r="CO39" s="215"/>
      <c r="CP39" s="215"/>
      <c r="CQ39" s="215"/>
      <c r="CR39" s="215"/>
      <c r="CS39" s="215"/>
      <c r="CT39" s="215"/>
      <c r="CU39" s="215"/>
      <c r="CV39" s="215"/>
      <c r="CW39" s="215"/>
      <c r="CX39" s="215"/>
      <c r="CY39" s="215"/>
      <c r="CZ39" s="215"/>
      <c r="DA39" s="215"/>
      <c r="DB39" s="215"/>
      <c r="DC39" s="215"/>
      <c r="DD39" s="215"/>
      <c r="DE39" s="215"/>
      <c r="DF39" s="215"/>
      <c r="DG39" s="215"/>
      <c r="DH39" s="215"/>
      <c r="DI39" s="234">
        <v>0.3</v>
      </c>
      <c r="DJ39" s="234"/>
      <c r="DK39" s="234"/>
      <c r="DL39" s="234"/>
      <c r="DM39" s="234"/>
      <c r="DN39" s="234"/>
      <c r="DO39" s="234"/>
      <c r="DP39" s="234"/>
      <c r="DQ39" s="234"/>
      <c r="DR39" s="234"/>
      <c r="DS39" s="234"/>
      <c r="DT39" s="234"/>
      <c r="DU39" s="215" t="s">
        <v>84</v>
      </c>
      <c r="DV39" s="215"/>
      <c r="DW39" s="215"/>
      <c r="DX39" s="215"/>
      <c r="DY39" s="215"/>
      <c r="DZ39" s="215"/>
      <c r="EA39" s="215"/>
      <c r="EB39" s="215"/>
      <c r="EC39" s="215"/>
      <c r="ED39" s="215"/>
      <c r="EE39" s="215"/>
      <c r="EF39" s="215"/>
      <c r="EG39" s="236"/>
      <c r="EH39" s="237"/>
      <c r="EI39" s="237"/>
      <c r="EJ39" s="237"/>
      <c r="EK39" s="237"/>
      <c r="EL39" s="237"/>
      <c r="EM39" s="237"/>
      <c r="EN39" s="237"/>
      <c r="EO39" s="237"/>
      <c r="EP39" s="237"/>
      <c r="EQ39" s="237"/>
      <c r="ER39" s="237"/>
      <c r="ES39" s="237"/>
      <c r="ET39" s="237"/>
      <c r="EU39" s="238"/>
      <c r="EV39" s="196">
        <v>0.1</v>
      </c>
      <c r="EW39" s="197"/>
      <c r="EX39" s="197"/>
      <c r="EY39" s="197"/>
      <c r="EZ39" s="197"/>
      <c r="FA39" s="197"/>
      <c r="FB39" s="197"/>
      <c r="FC39" s="197"/>
      <c r="FD39" s="197"/>
      <c r="FE39" s="197"/>
      <c r="FF39" s="197"/>
      <c r="FG39" s="197"/>
      <c r="FH39" s="197"/>
      <c r="FI39" s="197"/>
      <c r="FJ39" s="197"/>
      <c r="FK39" s="197"/>
      <c r="FL39" s="197"/>
      <c r="FM39" s="198"/>
      <c r="FN39" s="215">
        <v>450000</v>
      </c>
      <c r="FO39" s="215"/>
      <c r="FP39" s="215"/>
      <c r="FQ39" s="215"/>
      <c r="FR39" s="215"/>
      <c r="FS39" s="215"/>
      <c r="FT39" s="215"/>
      <c r="FU39" s="215"/>
      <c r="FV39" s="215"/>
      <c r="FW39" s="215"/>
      <c r="FX39" s="215"/>
      <c r="FY39" s="215"/>
      <c r="FZ39" s="215"/>
      <c r="GA39" s="215"/>
      <c r="GB39" s="215"/>
      <c r="GC39" s="215"/>
      <c r="GD39" s="215"/>
      <c r="GE39" s="215"/>
      <c r="GF39" s="215"/>
      <c r="GG39" s="215"/>
      <c r="GH39" s="215"/>
      <c r="GI39" s="215"/>
      <c r="GJ39" s="215"/>
      <c r="GK39" s="215"/>
      <c r="GL39" s="215"/>
      <c r="GM39" s="215"/>
      <c r="GN39" s="215"/>
      <c r="GO39" s="215"/>
      <c r="GP39" s="404">
        <v>50000</v>
      </c>
      <c r="GQ39" s="405"/>
      <c r="GR39" s="405"/>
      <c r="GS39" s="405"/>
      <c r="GT39" s="405"/>
      <c r="GU39" s="405"/>
      <c r="GV39" s="405"/>
      <c r="GW39" s="405"/>
      <c r="GX39" s="405"/>
      <c r="GY39" s="405"/>
      <c r="GZ39" s="405"/>
      <c r="HA39" s="405"/>
      <c r="HB39" s="405"/>
      <c r="HC39" s="405"/>
      <c r="HD39" s="405"/>
      <c r="HE39" s="405"/>
      <c r="HF39" s="405"/>
      <c r="HG39" s="405"/>
      <c r="HH39" s="405"/>
      <c r="HI39" s="405"/>
      <c r="HJ39" s="405"/>
      <c r="HK39" s="405"/>
      <c r="HL39" s="405"/>
      <c r="HM39" s="405"/>
      <c r="HN39" s="405"/>
      <c r="HO39" s="405"/>
      <c r="HP39" s="405"/>
      <c r="HQ39" s="406"/>
    </row>
    <row r="40" spans="2:225" ht="6" customHeight="1">
      <c r="B40" s="225"/>
      <c r="C40" s="225"/>
      <c r="D40" s="225"/>
      <c r="E40" s="225"/>
      <c r="F40" s="225"/>
      <c r="G40" s="225"/>
      <c r="H40" s="225"/>
      <c r="I40" s="225"/>
      <c r="J40" s="225"/>
      <c r="K40" s="225"/>
      <c r="L40" s="225"/>
      <c r="M40" s="225"/>
      <c r="N40" s="225"/>
      <c r="O40" s="225"/>
      <c r="P40" s="226"/>
      <c r="Q40" s="245"/>
      <c r="R40" s="246"/>
      <c r="S40" s="246"/>
      <c r="T40" s="246"/>
      <c r="U40" s="246"/>
      <c r="V40" s="246"/>
      <c r="W40" s="246"/>
      <c r="X40" s="246"/>
      <c r="Y40" s="246"/>
      <c r="Z40" s="246"/>
      <c r="AA40" s="246"/>
      <c r="AB40" s="246"/>
      <c r="AC40" s="246"/>
      <c r="AD40" s="246"/>
      <c r="AE40" s="246"/>
      <c r="AF40" s="246"/>
      <c r="AG40" s="246"/>
      <c r="AH40" s="246"/>
      <c r="AI40" s="246"/>
      <c r="AJ40" s="246"/>
      <c r="AK40" s="246"/>
      <c r="AL40" s="246"/>
      <c r="AM40" s="246"/>
      <c r="AN40" s="246"/>
      <c r="AO40" s="246"/>
      <c r="AP40" s="246"/>
      <c r="AQ40" s="246"/>
      <c r="AR40" s="246"/>
      <c r="AS40" s="246"/>
      <c r="AT40" s="246"/>
      <c r="AU40" s="246"/>
      <c r="AV40" s="246"/>
      <c r="AW40" s="246"/>
      <c r="AX40" s="246"/>
      <c r="AY40" s="246"/>
      <c r="AZ40" s="246"/>
      <c r="BA40" s="246"/>
      <c r="BB40" s="246"/>
      <c r="BC40" s="246"/>
      <c r="BD40" s="246"/>
      <c r="BE40" s="246"/>
      <c r="BF40" s="246"/>
      <c r="BG40" s="246"/>
      <c r="BH40" s="246"/>
      <c r="BI40" s="246"/>
      <c r="BJ40" s="246"/>
      <c r="BK40" s="246"/>
      <c r="BL40" s="246"/>
      <c r="BM40" s="246"/>
      <c r="BN40" s="246"/>
      <c r="BO40" s="246"/>
      <c r="BP40" s="246"/>
      <c r="BQ40" s="246"/>
      <c r="BR40" s="246"/>
      <c r="BS40" s="246"/>
      <c r="BT40" s="246"/>
      <c r="BU40" s="246"/>
      <c r="BV40" s="246"/>
      <c r="BW40" s="246"/>
      <c r="BX40" s="246"/>
      <c r="BY40" s="246"/>
      <c r="BZ40" s="246"/>
      <c r="CA40" s="246"/>
      <c r="CB40" s="246"/>
      <c r="CC40" s="246"/>
      <c r="CD40" s="246"/>
      <c r="CE40" s="246"/>
      <c r="CF40" s="246"/>
      <c r="CG40" s="247"/>
      <c r="CH40" s="230"/>
      <c r="CI40" s="215"/>
      <c r="CJ40" s="215"/>
      <c r="CK40" s="215"/>
      <c r="CL40" s="215"/>
      <c r="CM40" s="215"/>
      <c r="CN40" s="215"/>
      <c r="CO40" s="215"/>
      <c r="CP40" s="215"/>
      <c r="CQ40" s="215"/>
      <c r="CR40" s="215"/>
      <c r="CS40" s="215"/>
      <c r="CT40" s="215"/>
      <c r="CU40" s="215"/>
      <c r="CV40" s="215"/>
      <c r="CW40" s="215"/>
      <c r="CX40" s="215"/>
      <c r="CY40" s="215"/>
      <c r="CZ40" s="215"/>
      <c r="DA40" s="215"/>
      <c r="DB40" s="215"/>
      <c r="DC40" s="215"/>
      <c r="DD40" s="215"/>
      <c r="DE40" s="215"/>
      <c r="DF40" s="215"/>
      <c r="DG40" s="215"/>
      <c r="DH40" s="215"/>
      <c r="DI40" s="234"/>
      <c r="DJ40" s="234"/>
      <c r="DK40" s="234"/>
      <c r="DL40" s="234"/>
      <c r="DM40" s="234"/>
      <c r="DN40" s="234"/>
      <c r="DO40" s="234"/>
      <c r="DP40" s="234"/>
      <c r="DQ40" s="234"/>
      <c r="DR40" s="234"/>
      <c r="DS40" s="234"/>
      <c r="DT40" s="234"/>
      <c r="DU40" s="215"/>
      <c r="DV40" s="215"/>
      <c r="DW40" s="215"/>
      <c r="DX40" s="215"/>
      <c r="DY40" s="215"/>
      <c r="DZ40" s="215"/>
      <c r="EA40" s="215"/>
      <c r="EB40" s="215"/>
      <c r="EC40" s="215"/>
      <c r="ED40" s="215"/>
      <c r="EE40" s="215"/>
      <c r="EF40" s="215"/>
      <c r="EG40" s="239"/>
      <c r="EH40" s="240"/>
      <c r="EI40" s="240"/>
      <c r="EJ40" s="240"/>
      <c r="EK40" s="240"/>
      <c r="EL40" s="240"/>
      <c r="EM40" s="240"/>
      <c r="EN40" s="240"/>
      <c r="EO40" s="240"/>
      <c r="EP40" s="240"/>
      <c r="EQ40" s="240"/>
      <c r="ER40" s="240"/>
      <c r="ES40" s="240"/>
      <c r="ET40" s="240"/>
      <c r="EU40" s="241"/>
      <c r="EV40" s="199"/>
      <c r="EW40" s="200"/>
      <c r="EX40" s="200"/>
      <c r="EY40" s="200"/>
      <c r="EZ40" s="200"/>
      <c r="FA40" s="200"/>
      <c r="FB40" s="200"/>
      <c r="FC40" s="200"/>
      <c r="FD40" s="200"/>
      <c r="FE40" s="200"/>
      <c r="FF40" s="200"/>
      <c r="FG40" s="200"/>
      <c r="FH40" s="200"/>
      <c r="FI40" s="200"/>
      <c r="FJ40" s="200"/>
      <c r="FK40" s="200"/>
      <c r="FL40" s="200"/>
      <c r="FM40" s="201"/>
      <c r="FN40" s="215"/>
      <c r="FO40" s="215"/>
      <c r="FP40" s="215"/>
      <c r="FQ40" s="215"/>
      <c r="FR40" s="215"/>
      <c r="FS40" s="215"/>
      <c r="FT40" s="215"/>
      <c r="FU40" s="215"/>
      <c r="FV40" s="215"/>
      <c r="FW40" s="215"/>
      <c r="FX40" s="215"/>
      <c r="FY40" s="215"/>
      <c r="FZ40" s="215"/>
      <c r="GA40" s="215"/>
      <c r="GB40" s="215"/>
      <c r="GC40" s="215"/>
      <c r="GD40" s="215"/>
      <c r="GE40" s="215"/>
      <c r="GF40" s="215"/>
      <c r="GG40" s="215"/>
      <c r="GH40" s="215"/>
      <c r="GI40" s="215"/>
      <c r="GJ40" s="215"/>
      <c r="GK40" s="215"/>
      <c r="GL40" s="215"/>
      <c r="GM40" s="215"/>
      <c r="GN40" s="215"/>
      <c r="GO40" s="215"/>
      <c r="GP40" s="407"/>
      <c r="GQ40" s="408"/>
      <c r="GR40" s="408"/>
      <c r="GS40" s="408"/>
      <c r="GT40" s="408"/>
      <c r="GU40" s="408"/>
      <c r="GV40" s="408"/>
      <c r="GW40" s="408"/>
      <c r="GX40" s="408"/>
      <c r="GY40" s="408"/>
      <c r="GZ40" s="408"/>
      <c r="HA40" s="408"/>
      <c r="HB40" s="408"/>
      <c r="HC40" s="408"/>
      <c r="HD40" s="408"/>
      <c r="HE40" s="408"/>
      <c r="HF40" s="408"/>
      <c r="HG40" s="408"/>
      <c r="HH40" s="408"/>
      <c r="HI40" s="408"/>
      <c r="HJ40" s="408"/>
      <c r="HK40" s="408"/>
      <c r="HL40" s="408"/>
      <c r="HM40" s="408"/>
      <c r="HN40" s="408"/>
      <c r="HO40" s="408"/>
      <c r="HP40" s="408"/>
      <c r="HQ40" s="409"/>
    </row>
    <row r="41" spans="2:225" ht="6" customHeight="1">
      <c r="B41" s="225"/>
      <c r="C41" s="225"/>
      <c r="D41" s="225"/>
      <c r="E41" s="225"/>
      <c r="F41" s="225"/>
      <c r="G41" s="225"/>
      <c r="H41" s="225"/>
      <c r="I41" s="225"/>
      <c r="J41" s="225"/>
      <c r="K41" s="225"/>
      <c r="L41" s="225"/>
      <c r="M41" s="225"/>
      <c r="N41" s="225"/>
      <c r="O41" s="225"/>
      <c r="P41" s="226"/>
      <c r="Q41" s="245"/>
      <c r="R41" s="246"/>
      <c r="S41" s="246"/>
      <c r="T41" s="246"/>
      <c r="U41" s="246"/>
      <c r="V41" s="246"/>
      <c r="W41" s="246"/>
      <c r="X41" s="246"/>
      <c r="Y41" s="246"/>
      <c r="Z41" s="246"/>
      <c r="AA41" s="246"/>
      <c r="AB41" s="246"/>
      <c r="AC41" s="246"/>
      <c r="AD41" s="246"/>
      <c r="AE41" s="246"/>
      <c r="AF41" s="246"/>
      <c r="AG41" s="246"/>
      <c r="AH41" s="246"/>
      <c r="AI41" s="246"/>
      <c r="AJ41" s="246"/>
      <c r="AK41" s="246"/>
      <c r="AL41" s="246"/>
      <c r="AM41" s="246"/>
      <c r="AN41" s="246"/>
      <c r="AO41" s="246"/>
      <c r="AP41" s="246"/>
      <c r="AQ41" s="246"/>
      <c r="AR41" s="246"/>
      <c r="AS41" s="246"/>
      <c r="AT41" s="246"/>
      <c r="AU41" s="246"/>
      <c r="AV41" s="246"/>
      <c r="AW41" s="246"/>
      <c r="AX41" s="246"/>
      <c r="AY41" s="246"/>
      <c r="AZ41" s="246"/>
      <c r="BA41" s="246"/>
      <c r="BB41" s="246"/>
      <c r="BC41" s="246"/>
      <c r="BD41" s="246"/>
      <c r="BE41" s="246"/>
      <c r="BF41" s="246"/>
      <c r="BG41" s="246"/>
      <c r="BH41" s="246"/>
      <c r="BI41" s="246"/>
      <c r="BJ41" s="246"/>
      <c r="BK41" s="246"/>
      <c r="BL41" s="246"/>
      <c r="BM41" s="246"/>
      <c r="BN41" s="246"/>
      <c r="BO41" s="246"/>
      <c r="BP41" s="246"/>
      <c r="BQ41" s="246"/>
      <c r="BR41" s="246"/>
      <c r="BS41" s="246"/>
      <c r="BT41" s="246"/>
      <c r="BU41" s="246"/>
      <c r="BV41" s="246"/>
      <c r="BW41" s="246"/>
      <c r="BX41" s="246"/>
      <c r="BY41" s="246"/>
      <c r="BZ41" s="246"/>
      <c r="CA41" s="246"/>
      <c r="CB41" s="246"/>
      <c r="CC41" s="246"/>
      <c r="CD41" s="246"/>
      <c r="CE41" s="246"/>
      <c r="CF41" s="246"/>
      <c r="CG41" s="247"/>
      <c r="CH41" s="230"/>
      <c r="CI41" s="215"/>
      <c r="CJ41" s="215"/>
      <c r="CK41" s="215"/>
      <c r="CL41" s="215"/>
      <c r="CM41" s="215"/>
      <c r="CN41" s="215"/>
      <c r="CO41" s="215"/>
      <c r="CP41" s="215"/>
      <c r="CQ41" s="215"/>
      <c r="CR41" s="215"/>
      <c r="CS41" s="215"/>
      <c r="CT41" s="215"/>
      <c r="CU41" s="215"/>
      <c r="CV41" s="215"/>
      <c r="CW41" s="215"/>
      <c r="CX41" s="215"/>
      <c r="CY41" s="215"/>
      <c r="CZ41" s="215"/>
      <c r="DA41" s="215"/>
      <c r="DB41" s="215"/>
      <c r="DC41" s="215"/>
      <c r="DD41" s="215"/>
      <c r="DE41" s="215"/>
      <c r="DF41" s="215"/>
      <c r="DG41" s="215"/>
      <c r="DH41" s="215"/>
      <c r="DI41" s="234"/>
      <c r="DJ41" s="234"/>
      <c r="DK41" s="234"/>
      <c r="DL41" s="234"/>
      <c r="DM41" s="234"/>
      <c r="DN41" s="234"/>
      <c r="DO41" s="234"/>
      <c r="DP41" s="234"/>
      <c r="DQ41" s="234"/>
      <c r="DR41" s="234"/>
      <c r="DS41" s="234"/>
      <c r="DT41" s="234"/>
      <c r="DU41" s="215"/>
      <c r="DV41" s="215"/>
      <c r="DW41" s="215"/>
      <c r="DX41" s="215"/>
      <c r="DY41" s="215"/>
      <c r="DZ41" s="215"/>
      <c r="EA41" s="215"/>
      <c r="EB41" s="215"/>
      <c r="EC41" s="215"/>
      <c r="ED41" s="215"/>
      <c r="EE41" s="215"/>
      <c r="EF41" s="215"/>
      <c r="EG41" s="239"/>
      <c r="EH41" s="240"/>
      <c r="EI41" s="240"/>
      <c r="EJ41" s="240"/>
      <c r="EK41" s="240"/>
      <c r="EL41" s="240"/>
      <c r="EM41" s="240"/>
      <c r="EN41" s="240"/>
      <c r="EO41" s="240"/>
      <c r="EP41" s="240"/>
      <c r="EQ41" s="240"/>
      <c r="ER41" s="240"/>
      <c r="ES41" s="240"/>
      <c r="ET41" s="240"/>
      <c r="EU41" s="241"/>
      <c r="EV41" s="199"/>
      <c r="EW41" s="200"/>
      <c r="EX41" s="200"/>
      <c r="EY41" s="200"/>
      <c r="EZ41" s="200"/>
      <c r="FA41" s="200"/>
      <c r="FB41" s="200"/>
      <c r="FC41" s="200"/>
      <c r="FD41" s="200"/>
      <c r="FE41" s="200"/>
      <c r="FF41" s="200"/>
      <c r="FG41" s="200"/>
      <c r="FH41" s="200"/>
      <c r="FI41" s="200"/>
      <c r="FJ41" s="200"/>
      <c r="FK41" s="200"/>
      <c r="FL41" s="200"/>
      <c r="FM41" s="201"/>
      <c r="FN41" s="215"/>
      <c r="FO41" s="215"/>
      <c r="FP41" s="215"/>
      <c r="FQ41" s="215"/>
      <c r="FR41" s="215"/>
      <c r="FS41" s="215"/>
      <c r="FT41" s="215"/>
      <c r="FU41" s="215"/>
      <c r="FV41" s="215"/>
      <c r="FW41" s="215"/>
      <c r="FX41" s="215"/>
      <c r="FY41" s="215"/>
      <c r="FZ41" s="215"/>
      <c r="GA41" s="215"/>
      <c r="GB41" s="215"/>
      <c r="GC41" s="215"/>
      <c r="GD41" s="215"/>
      <c r="GE41" s="215"/>
      <c r="GF41" s="215"/>
      <c r="GG41" s="215"/>
      <c r="GH41" s="215"/>
      <c r="GI41" s="215"/>
      <c r="GJ41" s="215"/>
      <c r="GK41" s="215"/>
      <c r="GL41" s="215"/>
      <c r="GM41" s="215"/>
      <c r="GN41" s="215"/>
      <c r="GO41" s="215"/>
      <c r="GP41" s="407"/>
      <c r="GQ41" s="408"/>
      <c r="GR41" s="408"/>
      <c r="GS41" s="408"/>
      <c r="GT41" s="408"/>
      <c r="GU41" s="408"/>
      <c r="GV41" s="408"/>
      <c r="GW41" s="408"/>
      <c r="GX41" s="408"/>
      <c r="GY41" s="408"/>
      <c r="GZ41" s="408"/>
      <c r="HA41" s="408"/>
      <c r="HB41" s="408"/>
      <c r="HC41" s="408"/>
      <c r="HD41" s="408"/>
      <c r="HE41" s="408"/>
      <c r="HF41" s="408"/>
      <c r="HG41" s="408"/>
      <c r="HH41" s="408"/>
      <c r="HI41" s="408"/>
      <c r="HJ41" s="408"/>
      <c r="HK41" s="408"/>
      <c r="HL41" s="408"/>
      <c r="HM41" s="408"/>
      <c r="HN41" s="408"/>
      <c r="HO41" s="408"/>
      <c r="HP41" s="408"/>
      <c r="HQ41" s="409"/>
    </row>
    <row r="42" spans="2:225" ht="6" customHeight="1">
      <c r="B42" s="225"/>
      <c r="C42" s="225"/>
      <c r="D42" s="225"/>
      <c r="E42" s="225"/>
      <c r="F42" s="225"/>
      <c r="G42" s="225"/>
      <c r="H42" s="225"/>
      <c r="I42" s="225"/>
      <c r="J42" s="225"/>
      <c r="K42" s="225"/>
      <c r="L42" s="225"/>
      <c r="M42" s="225"/>
      <c r="N42" s="225"/>
      <c r="O42" s="225"/>
      <c r="P42" s="226"/>
      <c r="Q42" s="245"/>
      <c r="R42" s="246"/>
      <c r="S42" s="246"/>
      <c r="T42" s="246"/>
      <c r="U42" s="246"/>
      <c r="V42" s="246"/>
      <c r="W42" s="246"/>
      <c r="X42" s="246"/>
      <c r="Y42" s="246"/>
      <c r="Z42" s="246"/>
      <c r="AA42" s="246"/>
      <c r="AB42" s="246"/>
      <c r="AC42" s="246"/>
      <c r="AD42" s="246"/>
      <c r="AE42" s="246"/>
      <c r="AF42" s="246"/>
      <c r="AG42" s="246"/>
      <c r="AH42" s="246"/>
      <c r="AI42" s="246"/>
      <c r="AJ42" s="246"/>
      <c r="AK42" s="246"/>
      <c r="AL42" s="246"/>
      <c r="AM42" s="246"/>
      <c r="AN42" s="246"/>
      <c r="AO42" s="246"/>
      <c r="AP42" s="246"/>
      <c r="AQ42" s="246"/>
      <c r="AR42" s="246"/>
      <c r="AS42" s="246"/>
      <c r="AT42" s="246"/>
      <c r="AU42" s="246"/>
      <c r="AV42" s="246"/>
      <c r="AW42" s="246"/>
      <c r="AX42" s="246"/>
      <c r="AY42" s="246"/>
      <c r="AZ42" s="246"/>
      <c r="BA42" s="246"/>
      <c r="BB42" s="246"/>
      <c r="BC42" s="246"/>
      <c r="BD42" s="246"/>
      <c r="BE42" s="246"/>
      <c r="BF42" s="246"/>
      <c r="BG42" s="246"/>
      <c r="BH42" s="246"/>
      <c r="BI42" s="246"/>
      <c r="BJ42" s="246"/>
      <c r="BK42" s="246"/>
      <c r="BL42" s="246"/>
      <c r="BM42" s="246"/>
      <c r="BN42" s="246"/>
      <c r="BO42" s="246"/>
      <c r="BP42" s="246"/>
      <c r="BQ42" s="246"/>
      <c r="BR42" s="246"/>
      <c r="BS42" s="246"/>
      <c r="BT42" s="246"/>
      <c r="BU42" s="246"/>
      <c r="BV42" s="246"/>
      <c r="BW42" s="246"/>
      <c r="BX42" s="246"/>
      <c r="BY42" s="246"/>
      <c r="BZ42" s="246"/>
      <c r="CA42" s="246"/>
      <c r="CB42" s="246"/>
      <c r="CC42" s="246"/>
      <c r="CD42" s="246"/>
      <c r="CE42" s="246"/>
      <c r="CF42" s="246"/>
      <c r="CG42" s="247"/>
      <c r="CH42" s="230"/>
      <c r="CI42" s="215"/>
      <c r="CJ42" s="215"/>
      <c r="CK42" s="215"/>
      <c r="CL42" s="215"/>
      <c r="CM42" s="215"/>
      <c r="CN42" s="215"/>
      <c r="CO42" s="215"/>
      <c r="CP42" s="215"/>
      <c r="CQ42" s="215"/>
      <c r="CR42" s="215"/>
      <c r="CS42" s="215"/>
      <c r="CT42" s="215"/>
      <c r="CU42" s="215"/>
      <c r="CV42" s="215"/>
      <c r="CW42" s="215"/>
      <c r="CX42" s="215"/>
      <c r="CY42" s="215"/>
      <c r="CZ42" s="215"/>
      <c r="DA42" s="215"/>
      <c r="DB42" s="215"/>
      <c r="DC42" s="215"/>
      <c r="DD42" s="215"/>
      <c r="DE42" s="215"/>
      <c r="DF42" s="215"/>
      <c r="DG42" s="215"/>
      <c r="DH42" s="215"/>
      <c r="DI42" s="234"/>
      <c r="DJ42" s="234"/>
      <c r="DK42" s="234"/>
      <c r="DL42" s="234"/>
      <c r="DM42" s="234"/>
      <c r="DN42" s="234"/>
      <c r="DO42" s="234"/>
      <c r="DP42" s="234"/>
      <c r="DQ42" s="234"/>
      <c r="DR42" s="234"/>
      <c r="DS42" s="234"/>
      <c r="DT42" s="234"/>
      <c r="DU42" s="215"/>
      <c r="DV42" s="215"/>
      <c r="DW42" s="215"/>
      <c r="DX42" s="215"/>
      <c r="DY42" s="215"/>
      <c r="DZ42" s="215"/>
      <c r="EA42" s="215"/>
      <c r="EB42" s="215"/>
      <c r="EC42" s="215"/>
      <c r="ED42" s="215"/>
      <c r="EE42" s="215"/>
      <c r="EF42" s="215"/>
      <c r="EG42" s="242"/>
      <c r="EH42" s="243"/>
      <c r="EI42" s="243"/>
      <c r="EJ42" s="243"/>
      <c r="EK42" s="243"/>
      <c r="EL42" s="243"/>
      <c r="EM42" s="243"/>
      <c r="EN42" s="243"/>
      <c r="EO42" s="243"/>
      <c r="EP42" s="243"/>
      <c r="EQ42" s="243"/>
      <c r="ER42" s="243"/>
      <c r="ES42" s="243"/>
      <c r="ET42" s="243"/>
      <c r="EU42" s="244"/>
      <c r="EV42" s="202"/>
      <c r="EW42" s="203"/>
      <c r="EX42" s="203"/>
      <c r="EY42" s="203"/>
      <c r="EZ42" s="203"/>
      <c r="FA42" s="203"/>
      <c r="FB42" s="203"/>
      <c r="FC42" s="203"/>
      <c r="FD42" s="203"/>
      <c r="FE42" s="203"/>
      <c r="FF42" s="203"/>
      <c r="FG42" s="203"/>
      <c r="FH42" s="203"/>
      <c r="FI42" s="203"/>
      <c r="FJ42" s="203"/>
      <c r="FK42" s="203"/>
      <c r="FL42" s="203"/>
      <c r="FM42" s="204"/>
      <c r="FN42" s="215"/>
      <c r="FO42" s="215"/>
      <c r="FP42" s="215"/>
      <c r="FQ42" s="215"/>
      <c r="FR42" s="215"/>
      <c r="FS42" s="215"/>
      <c r="FT42" s="215"/>
      <c r="FU42" s="215"/>
      <c r="FV42" s="215"/>
      <c r="FW42" s="215"/>
      <c r="FX42" s="215"/>
      <c r="FY42" s="215"/>
      <c r="FZ42" s="215"/>
      <c r="GA42" s="215"/>
      <c r="GB42" s="215"/>
      <c r="GC42" s="215"/>
      <c r="GD42" s="215"/>
      <c r="GE42" s="215"/>
      <c r="GF42" s="215"/>
      <c r="GG42" s="215"/>
      <c r="GH42" s="215"/>
      <c r="GI42" s="215"/>
      <c r="GJ42" s="215"/>
      <c r="GK42" s="215"/>
      <c r="GL42" s="215"/>
      <c r="GM42" s="215"/>
      <c r="GN42" s="215"/>
      <c r="GO42" s="215"/>
      <c r="GP42" s="410"/>
      <c r="GQ42" s="411"/>
      <c r="GR42" s="411"/>
      <c r="GS42" s="411"/>
      <c r="GT42" s="411"/>
      <c r="GU42" s="411"/>
      <c r="GV42" s="411"/>
      <c r="GW42" s="411"/>
      <c r="GX42" s="411"/>
      <c r="GY42" s="411"/>
      <c r="GZ42" s="411"/>
      <c r="HA42" s="411"/>
      <c r="HB42" s="411"/>
      <c r="HC42" s="411"/>
      <c r="HD42" s="411"/>
      <c r="HE42" s="411"/>
      <c r="HF42" s="411"/>
      <c r="HG42" s="411"/>
      <c r="HH42" s="411"/>
      <c r="HI42" s="411"/>
      <c r="HJ42" s="411"/>
      <c r="HK42" s="411"/>
      <c r="HL42" s="411"/>
      <c r="HM42" s="411"/>
      <c r="HN42" s="411"/>
      <c r="HO42" s="411"/>
      <c r="HP42" s="411"/>
      <c r="HQ42" s="412"/>
    </row>
    <row r="43" spans="2:225" ht="6" customHeight="1">
      <c r="B43" s="225">
        <v>10</v>
      </c>
      <c r="C43" s="225"/>
      <c r="D43" s="225"/>
      <c r="E43" s="225"/>
      <c r="F43" s="225"/>
      <c r="G43" s="225"/>
      <c r="H43" s="225"/>
      <c r="I43" s="225">
        <v>1</v>
      </c>
      <c r="J43" s="225"/>
      <c r="K43" s="225"/>
      <c r="L43" s="225"/>
      <c r="M43" s="225"/>
      <c r="N43" s="225"/>
      <c r="O43" s="225"/>
      <c r="P43" s="226"/>
      <c r="Q43" s="245" t="s">
        <v>86</v>
      </c>
      <c r="R43" s="246"/>
      <c r="S43" s="246"/>
      <c r="T43" s="246"/>
      <c r="U43" s="246"/>
      <c r="V43" s="246"/>
      <c r="W43" s="246"/>
      <c r="X43" s="246"/>
      <c r="Y43" s="246"/>
      <c r="Z43" s="246"/>
      <c r="AA43" s="246"/>
      <c r="AB43" s="246"/>
      <c r="AC43" s="246"/>
      <c r="AD43" s="246"/>
      <c r="AE43" s="246"/>
      <c r="AF43" s="246"/>
      <c r="AG43" s="246"/>
      <c r="AH43" s="246"/>
      <c r="AI43" s="246"/>
      <c r="AJ43" s="246"/>
      <c r="AK43" s="246"/>
      <c r="AL43" s="246"/>
      <c r="AM43" s="246"/>
      <c r="AN43" s="246"/>
      <c r="AO43" s="246"/>
      <c r="AP43" s="246"/>
      <c r="AQ43" s="246"/>
      <c r="AR43" s="246"/>
      <c r="AS43" s="246"/>
      <c r="AT43" s="246"/>
      <c r="AU43" s="246"/>
      <c r="AV43" s="246"/>
      <c r="AW43" s="246"/>
      <c r="AX43" s="246"/>
      <c r="AY43" s="246"/>
      <c r="AZ43" s="246"/>
      <c r="BA43" s="246"/>
      <c r="BB43" s="246"/>
      <c r="BC43" s="246"/>
      <c r="BD43" s="246"/>
      <c r="BE43" s="246"/>
      <c r="BF43" s="246"/>
      <c r="BG43" s="246"/>
      <c r="BH43" s="246"/>
      <c r="BI43" s="246"/>
      <c r="BJ43" s="246"/>
      <c r="BK43" s="246"/>
      <c r="BL43" s="246"/>
      <c r="BM43" s="246"/>
      <c r="BN43" s="246"/>
      <c r="BO43" s="246"/>
      <c r="BP43" s="246"/>
      <c r="BQ43" s="246"/>
      <c r="BR43" s="246"/>
      <c r="BS43" s="246"/>
      <c r="BT43" s="246"/>
      <c r="BU43" s="246"/>
      <c r="BV43" s="246"/>
      <c r="BW43" s="246"/>
      <c r="BX43" s="246"/>
      <c r="BY43" s="246"/>
      <c r="BZ43" s="246"/>
      <c r="CA43" s="246"/>
      <c r="CB43" s="246"/>
      <c r="CC43" s="246"/>
      <c r="CD43" s="246"/>
      <c r="CE43" s="246"/>
      <c r="CF43" s="246"/>
      <c r="CG43" s="247"/>
      <c r="CH43" s="230"/>
      <c r="CI43" s="215">
        <v>1000000</v>
      </c>
      <c r="CJ43" s="215"/>
      <c r="CK43" s="215"/>
      <c r="CL43" s="215"/>
      <c r="CM43" s="215"/>
      <c r="CN43" s="215"/>
      <c r="CO43" s="215"/>
      <c r="CP43" s="215"/>
      <c r="CQ43" s="215"/>
      <c r="CR43" s="215"/>
      <c r="CS43" s="215"/>
      <c r="CT43" s="215"/>
      <c r="CU43" s="215"/>
      <c r="CV43" s="215"/>
      <c r="CW43" s="215"/>
      <c r="CX43" s="215"/>
      <c r="CY43" s="215"/>
      <c r="CZ43" s="215"/>
      <c r="DA43" s="215"/>
      <c r="DB43" s="215"/>
      <c r="DC43" s="215"/>
      <c r="DD43" s="215"/>
      <c r="DE43" s="215"/>
      <c r="DF43" s="215"/>
      <c r="DG43" s="215"/>
      <c r="DH43" s="215"/>
      <c r="DI43" s="234">
        <v>0.5</v>
      </c>
      <c r="DJ43" s="234"/>
      <c r="DK43" s="234"/>
      <c r="DL43" s="234"/>
      <c r="DM43" s="234"/>
      <c r="DN43" s="234"/>
      <c r="DO43" s="234"/>
      <c r="DP43" s="234"/>
      <c r="DQ43" s="234"/>
      <c r="DR43" s="234"/>
      <c r="DS43" s="234"/>
      <c r="DT43" s="234"/>
      <c r="DU43" s="215" t="s">
        <v>84</v>
      </c>
      <c r="DV43" s="215"/>
      <c r="DW43" s="215"/>
      <c r="DX43" s="215"/>
      <c r="DY43" s="215"/>
      <c r="DZ43" s="215"/>
      <c r="EA43" s="215"/>
      <c r="EB43" s="215"/>
      <c r="EC43" s="215"/>
      <c r="ED43" s="215"/>
      <c r="EE43" s="215"/>
      <c r="EF43" s="215"/>
      <c r="EG43" s="236"/>
      <c r="EH43" s="237"/>
      <c r="EI43" s="237"/>
      <c r="EJ43" s="237"/>
      <c r="EK43" s="237"/>
      <c r="EL43" s="237"/>
      <c r="EM43" s="237"/>
      <c r="EN43" s="237"/>
      <c r="EO43" s="237"/>
      <c r="EP43" s="237"/>
      <c r="EQ43" s="237"/>
      <c r="ER43" s="237"/>
      <c r="ES43" s="237"/>
      <c r="ET43" s="237"/>
      <c r="EU43" s="238"/>
      <c r="EV43" s="196">
        <v>0.08</v>
      </c>
      <c r="EW43" s="197"/>
      <c r="EX43" s="197"/>
      <c r="EY43" s="197"/>
      <c r="EZ43" s="197"/>
      <c r="FA43" s="197"/>
      <c r="FB43" s="197"/>
      <c r="FC43" s="197"/>
      <c r="FD43" s="197"/>
      <c r="FE43" s="197"/>
      <c r="FF43" s="197"/>
      <c r="FG43" s="197"/>
      <c r="FH43" s="197"/>
      <c r="FI43" s="197"/>
      <c r="FJ43" s="197"/>
      <c r="FK43" s="197"/>
      <c r="FL43" s="197"/>
      <c r="FM43" s="198"/>
      <c r="FN43" s="215">
        <v>500000</v>
      </c>
      <c r="FO43" s="215"/>
      <c r="FP43" s="215"/>
      <c r="FQ43" s="215"/>
      <c r="FR43" s="215"/>
      <c r="FS43" s="215"/>
      <c r="FT43" s="215"/>
      <c r="FU43" s="215"/>
      <c r="FV43" s="215"/>
      <c r="FW43" s="215"/>
      <c r="FX43" s="215"/>
      <c r="FY43" s="215"/>
      <c r="FZ43" s="215"/>
      <c r="GA43" s="215"/>
      <c r="GB43" s="215"/>
      <c r="GC43" s="215"/>
      <c r="GD43" s="215"/>
      <c r="GE43" s="215"/>
      <c r="GF43" s="215"/>
      <c r="GG43" s="215"/>
      <c r="GH43" s="215"/>
      <c r="GI43" s="215"/>
      <c r="GJ43" s="215"/>
      <c r="GK43" s="215"/>
      <c r="GL43" s="215"/>
      <c r="GM43" s="215"/>
      <c r="GN43" s="215"/>
      <c r="GO43" s="215"/>
      <c r="GP43" s="404">
        <v>100000</v>
      </c>
      <c r="GQ43" s="405"/>
      <c r="GR43" s="405"/>
      <c r="GS43" s="405"/>
      <c r="GT43" s="405"/>
      <c r="GU43" s="405"/>
      <c r="GV43" s="405"/>
      <c r="GW43" s="405"/>
      <c r="GX43" s="405"/>
      <c r="GY43" s="405"/>
      <c r="GZ43" s="405"/>
      <c r="HA43" s="405"/>
      <c r="HB43" s="405"/>
      <c r="HC43" s="405"/>
      <c r="HD43" s="405"/>
      <c r="HE43" s="405"/>
      <c r="HF43" s="405"/>
      <c r="HG43" s="405"/>
      <c r="HH43" s="405"/>
      <c r="HI43" s="405"/>
      <c r="HJ43" s="405"/>
      <c r="HK43" s="405"/>
      <c r="HL43" s="405"/>
      <c r="HM43" s="405"/>
      <c r="HN43" s="405"/>
      <c r="HO43" s="405"/>
      <c r="HP43" s="405"/>
      <c r="HQ43" s="406"/>
    </row>
    <row r="44" spans="2:225" ht="6" customHeight="1">
      <c r="B44" s="225"/>
      <c r="C44" s="225"/>
      <c r="D44" s="225"/>
      <c r="E44" s="225"/>
      <c r="F44" s="225"/>
      <c r="G44" s="225"/>
      <c r="H44" s="225"/>
      <c r="I44" s="225"/>
      <c r="J44" s="225"/>
      <c r="K44" s="225"/>
      <c r="L44" s="225"/>
      <c r="M44" s="225"/>
      <c r="N44" s="225"/>
      <c r="O44" s="225"/>
      <c r="P44" s="226"/>
      <c r="Q44" s="245"/>
      <c r="R44" s="246"/>
      <c r="S44" s="246"/>
      <c r="T44" s="246"/>
      <c r="U44" s="246"/>
      <c r="V44" s="246"/>
      <c r="W44" s="246"/>
      <c r="X44" s="246"/>
      <c r="Y44" s="246"/>
      <c r="Z44" s="246"/>
      <c r="AA44" s="246"/>
      <c r="AB44" s="246"/>
      <c r="AC44" s="246"/>
      <c r="AD44" s="246"/>
      <c r="AE44" s="246"/>
      <c r="AF44" s="246"/>
      <c r="AG44" s="246"/>
      <c r="AH44" s="246"/>
      <c r="AI44" s="246"/>
      <c r="AJ44" s="246"/>
      <c r="AK44" s="246"/>
      <c r="AL44" s="246"/>
      <c r="AM44" s="246"/>
      <c r="AN44" s="246"/>
      <c r="AO44" s="246"/>
      <c r="AP44" s="246"/>
      <c r="AQ44" s="246"/>
      <c r="AR44" s="246"/>
      <c r="AS44" s="246"/>
      <c r="AT44" s="246"/>
      <c r="AU44" s="246"/>
      <c r="AV44" s="246"/>
      <c r="AW44" s="246"/>
      <c r="AX44" s="246"/>
      <c r="AY44" s="246"/>
      <c r="AZ44" s="246"/>
      <c r="BA44" s="246"/>
      <c r="BB44" s="246"/>
      <c r="BC44" s="246"/>
      <c r="BD44" s="246"/>
      <c r="BE44" s="246"/>
      <c r="BF44" s="246"/>
      <c r="BG44" s="246"/>
      <c r="BH44" s="246"/>
      <c r="BI44" s="246"/>
      <c r="BJ44" s="246"/>
      <c r="BK44" s="246"/>
      <c r="BL44" s="246"/>
      <c r="BM44" s="246"/>
      <c r="BN44" s="246"/>
      <c r="BO44" s="246"/>
      <c r="BP44" s="246"/>
      <c r="BQ44" s="246"/>
      <c r="BR44" s="246"/>
      <c r="BS44" s="246"/>
      <c r="BT44" s="246"/>
      <c r="BU44" s="246"/>
      <c r="BV44" s="246"/>
      <c r="BW44" s="246"/>
      <c r="BX44" s="246"/>
      <c r="BY44" s="246"/>
      <c r="BZ44" s="246"/>
      <c r="CA44" s="246"/>
      <c r="CB44" s="246"/>
      <c r="CC44" s="246"/>
      <c r="CD44" s="246"/>
      <c r="CE44" s="246"/>
      <c r="CF44" s="246"/>
      <c r="CG44" s="247"/>
      <c r="CH44" s="230"/>
      <c r="CI44" s="215"/>
      <c r="CJ44" s="215"/>
      <c r="CK44" s="215"/>
      <c r="CL44" s="215"/>
      <c r="CM44" s="215"/>
      <c r="CN44" s="215"/>
      <c r="CO44" s="215"/>
      <c r="CP44" s="215"/>
      <c r="CQ44" s="215"/>
      <c r="CR44" s="215"/>
      <c r="CS44" s="215"/>
      <c r="CT44" s="215"/>
      <c r="CU44" s="215"/>
      <c r="CV44" s="215"/>
      <c r="CW44" s="215"/>
      <c r="CX44" s="215"/>
      <c r="CY44" s="215"/>
      <c r="CZ44" s="215"/>
      <c r="DA44" s="215"/>
      <c r="DB44" s="215"/>
      <c r="DC44" s="215"/>
      <c r="DD44" s="215"/>
      <c r="DE44" s="215"/>
      <c r="DF44" s="215"/>
      <c r="DG44" s="215"/>
      <c r="DH44" s="215"/>
      <c r="DI44" s="234"/>
      <c r="DJ44" s="234"/>
      <c r="DK44" s="234"/>
      <c r="DL44" s="234"/>
      <c r="DM44" s="234"/>
      <c r="DN44" s="234"/>
      <c r="DO44" s="234"/>
      <c r="DP44" s="234"/>
      <c r="DQ44" s="234"/>
      <c r="DR44" s="234"/>
      <c r="DS44" s="234"/>
      <c r="DT44" s="234"/>
      <c r="DU44" s="215"/>
      <c r="DV44" s="215"/>
      <c r="DW44" s="215"/>
      <c r="DX44" s="215"/>
      <c r="DY44" s="215"/>
      <c r="DZ44" s="215"/>
      <c r="EA44" s="215"/>
      <c r="EB44" s="215"/>
      <c r="EC44" s="215"/>
      <c r="ED44" s="215"/>
      <c r="EE44" s="215"/>
      <c r="EF44" s="215"/>
      <c r="EG44" s="239"/>
      <c r="EH44" s="240"/>
      <c r="EI44" s="240"/>
      <c r="EJ44" s="240"/>
      <c r="EK44" s="240"/>
      <c r="EL44" s="240"/>
      <c r="EM44" s="240"/>
      <c r="EN44" s="240"/>
      <c r="EO44" s="240"/>
      <c r="EP44" s="240"/>
      <c r="EQ44" s="240"/>
      <c r="ER44" s="240"/>
      <c r="ES44" s="240"/>
      <c r="ET44" s="240"/>
      <c r="EU44" s="241"/>
      <c r="EV44" s="199"/>
      <c r="EW44" s="200"/>
      <c r="EX44" s="200"/>
      <c r="EY44" s="200"/>
      <c r="EZ44" s="200"/>
      <c r="FA44" s="200"/>
      <c r="FB44" s="200"/>
      <c r="FC44" s="200"/>
      <c r="FD44" s="200"/>
      <c r="FE44" s="200"/>
      <c r="FF44" s="200"/>
      <c r="FG44" s="200"/>
      <c r="FH44" s="200"/>
      <c r="FI44" s="200"/>
      <c r="FJ44" s="200"/>
      <c r="FK44" s="200"/>
      <c r="FL44" s="200"/>
      <c r="FM44" s="201"/>
      <c r="FN44" s="215"/>
      <c r="FO44" s="215"/>
      <c r="FP44" s="215"/>
      <c r="FQ44" s="215"/>
      <c r="FR44" s="215"/>
      <c r="FS44" s="215"/>
      <c r="FT44" s="215"/>
      <c r="FU44" s="215"/>
      <c r="FV44" s="215"/>
      <c r="FW44" s="215"/>
      <c r="FX44" s="215"/>
      <c r="FY44" s="215"/>
      <c r="FZ44" s="215"/>
      <c r="GA44" s="215"/>
      <c r="GB44" s="215"/>
      <c r="GC44" s="215"/>
      <c r="GD44" s="215"/>
      <c r="GE44" s="215"/>
      <c r="GF44" s="215"/>
      <c r="GG44" s="215"/>
      <c r="GH44" s="215"/>
      <c r="GI44" s="215"/>
      <c r="GJ44" s="215"/>
      <c r="GK44" s="215"/>
      <c r="GL44" s="215"/>
      <c r="GM44" s="215"/>
      <c r="GN44" s="215"/>
      <c r="GO44" s="215"/>
      <c r="GP44" s="407"/>
      <c r="GQ44" s="408"/>
      <c r="GR44" s="408"/>
      <c r="GS44" s="408"/>
      <c r="GT44" s="408"/>
      <c r="GU44" s="408"/>
      <c r="GV44" s="408"/>
      <c r="GW44" s="408"/>
      <c r="GX44" s="408"/>
      <c r="GY44" s="408"/>
      <c r="GZ44" s="408"/>
      <c r="HA44" s="408"/>
      <c r="HB44" s="408"/>
      <c r="HC44" s="408"/>
      <c r="HD44" s="408"/>
      <c r="HE44" s="408"/>
      <c r="HF44" s="408"/>
      <c r="HG44" s="408"/>
      <c r="HH44" s="408"/>
      <c r="HI44" s="408"/>
      <c r="HJ44" s="408"/>
      <c r="HK44" s="408"/>
      <c r="HL44" s="408"/>
      <c r="HM44" s="408"/>
      <c r="HN44" s="408"/>
      <c r="HO44" s="408"/>
      <c r="HP44" s="408"/>
      <c r="HQ44" s="409"/>
    </row>
    <row r="45" spans="2:225" ht="6" customHeight="1">
      <c r="B45" s="225"/>
      <c r="C45" s="225"/>
      <c r="D45" s="225"/>
      <c r="E45" s="225"/>
      <c r="F45" s="225"/>
      <c r="G45" s="225"/>
      <c r="H45" s="225"/>
      <c r="I45" s="225"/>
      <c r="J45" s="225"/>
      <c r="K45" s="225"/>
      <c r="L45" s="225"/>
      <c r="M45" s="225"/>
      <c r="N45" s="225"/>
      <c r="O45" s="225"/>
      <c r="P45" s="226"/>
      <c r="Q45" s="245"/>
      <c r="R45" s="246"/>
      <c r="S45" s="246"/>
      <c r="T45" s="246"/>
      <c r="U45" s="246"/>
      <c r="V45" s="246"/>
      <c r="W45" s="246"/>
      <c r="X45" s="246"/>
      <c r="Y45" s="246"/>
      <c r="Z45" s="246"/>
      <c r="AA45" s="246"/>
      <c r="AB45" s="246"/>
      <c r="AC45" s="246"/>
      <c r="AD45" s="246"/>
      <c r="AE45" s="246"/>
      <c r="AF45" s="246"/>
      <c r="AG45" s="246"/>
      <c r="AH45" s="246"/>
      <c r="AI45" s="246"/>
      <c r="AJ45" s="246"/>
      <c r="AK45" s="246"/>
      <c r="AL45" s="246"/>
      <c r="AM45" s="246"/>
      <c r="AN45" s="246"/>
      <c r="AO45" s="246"/>
      <c r="AP45" s="246"/>
      <c r="AQ45" s="246"/>
      <c r="AR45" s="246"/>
      <c r="AS45" s="246"/>
      <c r="AT45" s="246"/>
      <c r="AU45" s="246"/>
      <c r="AV45" s="246"/>
      <c r="AW45" s="246"/>
      <c r="AX45" s="246"/>
      <c r="AY45" s="246"/>
      <c r="AZ45" s="246"/>
      <c r="BA45" s="246"/>
      <c r="BB45" s="246"/>
      <c r="BC45" s="246"/>
      <c r="BD45" s="246"/>
      <c r="BE45" s="246"/>
      <c r="BF45" s="246"/>
      <c r="BG45" s="246"/>
      <c r="BH45" s="246"/>
      <c r="BI45" s="246"/>
      <c r="BJ45" s="246"/>
      <c r="BK45" s="246"/>
      <c r="BL45" s="246"/>
      <c r="BM45" s="246"/>
      <c r="BN45" s="246"/>
      <c r="BO45" s="246"/>
      <c r="BP45" s="246"/>
      <c r="BQ45" s="246"/>
      <c r="BR45" s="246"/>
      <c r="BS45" s="246"/>
      <c r="BT45" s="246"/>
      <c r="BU45" s="246"/>
      <c r="BV45" s="246"/>
      <c r="BW45" s="246"/>
      <c r="BX45" s="246"/>
      <c r="BY45" s="246"/>
      <c r="BZ45" s="246"/>
      <c r="CA45" s="246"/>
      <c r="CB45" s="246"/>
      <c r="CC45" s="246"/>
      <c r="CD45" s="246"/>
      <c r="CE45" s="246"/>
      <c r="CF45" s="246"/>
      <c r="CG45" s="247"/>
      <c r="CH45" s="230"/>
      <c r="CI45" s="215"/>
      <c r="CJ45" s="215"/>
      <c r="CK45" s="215"/>
      <c r="CL45" s="215"/>
      <c r="CM45" s="215"/>
      <c r="CN45" s="215"/>
      <c r="CO45" s="215"/>
      <c r="CP45" s="215"/>
      <c r="CQ45" s="215"/>
      <c r="CR45" s="215"/>
      <c r="CS45" s="215"/>
      <c r="CT45" s="215"/>
      <c r="CU45" s="215"/>
      <c r="CV45" s="215"/>
      <c r="CW45" s="215"/>
      <c r="CX45" s="215"/>
      <c r="CY45" s="215"/>
      <c r="CZ45" s="215"/>
      <c r="DA45" s="215"/>
      <c r="DB45" s="215"/>
      <c r="DC45" s="215"/>
      <c r="DD45" s="215"/>
      <c r="DE45" s="215"/>
      <c r="DF45" s="215"/>
      <c r="DG45" s="215"/>
      <c r="DH45" s="215"/>
      <c r="DI45" s="234"/>
      <c r="DJ45" s="234"/>
      <c r="DK45" s="234"/>
      <c r="DL45" s="234"/>
      <c r="DM45" s="234"/>
      <c r="DN45" s="234"/>
      <c r="DO45" s="234"/>
      <c r="DP45" s="234"/>
      <c r="DQ45" s="234"/>
      <c r="DR45" s="234"/>
      <c r="DS45" s="234"/>
      <c r="DT45" s="234"/>
      <c r="DU45" s="215"/>
      <c r="DV45" s="215"/>
      <c r="DW45" s="215"/>
      <c r="DX45" s="215"/>
      <c r="DY45" s="215"/>
      <c r="DZ45" s="215"/>
      <c r="EA45" s="215"/>
      <c r="EB45" s="215"/>
      <c r="EC45" s="215"/>
      <c r="ED45" s="215"/>
      <c r="EE45" s="215"/>
      <c r="EF45" s="215"/>
      <c r="EG45" s="239"/>
      <c r="EH45" s="240"/>
      <c r="EI45" s="240"/>
      <c r="EJ45" s="240"/>
      <c r="EK45" s="240"/>
      <c r="EL45" s="240"/>
      <c r="EM45" s="240"/>
      <c r="EN45" s="240"/>
      <c r="EO45" s="240"/>
      <c r="EP45" s="240"/>
      <c r="EQ45" s="240"/>
      <c r="ER45" s="240"/>
      <c r="ES45" s="240"/>
      <c r="ET45" s="240"/>
      <c r="EU45" s="241"/>
      <c r="EV45" s="199"/>
      <c r="EW45" s="200"/>
      <c r="EX45" s="200"/>
      <c r="EY45" s="200"/>
      <c r="EZ45" s="200"/>
      <c r="FA45" s="200"/>
      <c r="FB45" s="200"/>
      <c r="FC45" s="200"/>
      <c r="FD45" s="200"/>
      <c r="FE45" s="200"/>
      <c r="FF45" s="200"/>
      <c r="FG45" s="200"/>
      <c r="FH45" s="200"/>
      <c r="FI45" s="200"/>
      <c r="FJ45" s="200"/>
      <c r="FK45" s="200"/>
      <c r="FL45" s="200"/>
      <c r="FM45" s="201"/>
      <c r="FN45" s="215"/>
      <c r="FO45" s="215"/>
      <c r="FP45" s="215"/>
      <c r="FQ45" s="215"/>
      <c r="FR45" s="215"/>
      <c r="FS45" s="215"/>
      <c r="FT45" s="215"/>
      <c r="FU45" s="215"/>
      <c r="FV45" s="215"/>
      <c r="FW45" s="215"/>
      <c r="FX45" s="215"/>
      <c r="FY45" s="215"/>
      <c r="FZ45" s="215"/>
      <c r="GA45" s="215"/>
      <c r="GB45" s="215"/>
      <c r="GC45" s="215"/>
      <c r="GD45" s="215"/>
      <c r="GE45" s="215"/>
      <c r="GF45" s="215"/>
      <c r="GG45" s="215"/>
      <c r="GH45" s="215"/>
      <c r="GI45" s="215"/>
      <c r="GJ45" s="215"/>
      <c r="GK45" s="215"/>
      <c r="GL45" s="215"/>
      <c r="GM45" s="215"/>
      <c r="GN45" s="215"/>
      <c r="GO45" s="215"/>
      <c r="GP45" s="407"/>
      <c r="GQ45" s="408"/>
      <c r="GR45" s="408"/>
      <c r="GS45" s="408"/>
      <c r="GT45" s="408"/>
      <c r="GU45" s="408"/>
      <c r="GV45" s="408"/>
      <c r="GW45" s="408"/>
      <c r="GX45" s="408"/>
      <c r="GY45" s="408"/>
      <c r="GZ45" s="408"/>
      <c r="HA45" s="408"/>
      <c r="HB45" s="408"/>
      <c r="HC45" s="408"/>
      <c r="HD45" s="408"/>
      <c r="HE45" s="408"/>
      <c r="HF45" s="408"/>
      <c r="HG45" s="408"/>
      <c r="HH45" s="408"/>
      <c r="HI45" s="408"/>
      <c r="HJ45" s="408"/>
      <c r="HK45" s="408"/>
      <c r="HL45" s="408"/>
      <c r="HM45" s="408"/>
      <c r="HN45" s="408"/>
      <c r="HO45" s="408"/>
      <c r="HP45" s="408"/>
      <c r="HQ45" s="409"/>
    </row>
    <row r="46" spans="2:225" ht="6" customHeight="1">
      <c r="B46" s="225"/>
      <c r="C46" s="225"/>
      <c r="D46" s="225"/>
      <c r="E46" s="225"/>
      <c r="F46" s="225"/>
      <c r="G46" s="225"/>
      <c r="H46" s="225"/>
      <c r="I46" s="225"/>
      <c r="J46" s="225"/>
      <c r="K46" s="225"/>
      <c r="L46" s="225"/>
      <c r="M46" s="225"/>
      <c r="N46" s="225"/>
      <c r="O46" s="225"/>
      <c r="P46" s="226"/>
      <c r="Q46" s="245"/>
      <c r="R46" s="246"/>
      <c r="S46" s="246"/>
      <c r="T46" s="246"/>
      <c r="U46" s="246"/>
      <c r="V46" s="246"/>
      <c r="W46" s="246"/>
      <c r="X46" s="246"/>
      <c r="Y46" s="246"/>
      <c r="Z46" s="246"/>
      <c r="AA46" s="246"/>
      <c r="AB46" s="246"/>
      <c r="AC46" s="246"/>
      <c r="AD46" s="246"/>
      <c r="AE46" s="246"/>
      <c r="AF46" s="246"/>
      <c r="AG46" s="246"/>
      <c r="AH46" s="246"/>
      <c r="AI46" s="246"/>
      <c r="AJ46" s="246"/>
      <c r="AK46" s="246"/>
      <c r="AL46" s="246"/>
      <c r="AM46" s="246"/>
      <c r="AN46" s="246"/>
      <c r="AO46" s="246"/>
      <c r="AP46" s="246"/>
      <c r="AQ46" s="246"/>
      <c r="AR46" s="246"/>
      <c r="AS46" s="246"/>
      <c r="AT46" s="246"/>
      <c r="AU46" s="246"/>
      <c r="AV46" s="246"/>
      <c r="AW46" s="246"/>
      <c r="AX46" s="246"/>
      <c r="AY46" s="246"/>
      <c r="AZ46" s="246"/>
      <c r="BA46" s="246"/>
      <c r="BB46" s="246"/>
      <c r="BC46" s="246"/>
      <c r="BD46" s="246"/>
      <c r="BE46" s="246"/>
      <c r="BF46" s="246"/>
      <c r="BG46" s="246"/>
      <c r="BH46" s="246"/>
      <c r="BI46" s="246"/>
      <c r="BJ46" s="246"/>
      <c r="BK46" s="246"/>
      <c r="BL46" s="246"/>
      <c r="BM46" s="246"/>
      <c r="BN46" s="246"/>
      <c r="BO46" s="246"/>
      <c r="BP46" s="246"/>
      <c r="BQ46" s="246"/>
      <c r="BR46" s="246"/>
      <c r="BS46" s="246"/>
      <c r="BT46" s="246"/>
      <c r="BU46" s="246"/>
      <c r="BV46" s="246"/>
      <c r="BW46" s="246"/>
      <c r="BX46" s="246"/>
      <c r="BY46" s="246"/>
      <c r="BZ46" s="246"/>
      <c r="CA46" s="246"/>
      <c r="CB46" s="246"/>
      <c r="CC46" s="246"/>
      <c r="CD46" s="246"/>
      <c r="CE46" s="246"/>
      <c r="CF46" s="246"/>
      <c r="CG46" s="247"/>
      <c r="CH46" s="230"/>
      <c r="CI46" s="215"/>
      <c r="CJ46" s="215"/>
      <c r="CK46" s="215"/>
      <c r="CL46" s="215"/>
      <c r="CM46" s="215"/>
      <c r="CN46" s="215"/>
      <c r="CO46" s="215"/>
      <c r="CP46" s="215"/>
      <c r="CQ46" s="215"/>
      <c r="CR46" s="215"/>
      <c r="CS46" s="215"/>
      <c r="CT46" s="215"/>
      <c r="CU46" s="215"/>
      <c r="CV46" s="215"/>
      <c r="CW46" s="215"/>
      <c r="CX46" s="215"/>
      <c r="CY46" s="215"/>
      <c r="CZ46" s="215"/>
      <c r="DA46" s="215"/>
      <c r="DB46" s="215"/>
      <c r="DC46" s="215"/>
      <c r="DD46" s="215"/>
      <c r="DE46" s="215"/>
      <c r="DF46" s="215"/>
      <c r="DG46" s="215"/>
      <c r="DH46" s="215"/>
      <c r="DI46" s="234"/>
      <c r="DJ46" s="234"/>
      <c r="DK46" s="234"/>
      <c r="DL46" s="234"/>
      <c r="DM46" s="234"/>
      <c r="DN46" s="234"/>
      <c r="DO46" s="234"/>
      <c r="DP46" s="234"/>
      <c r="DQ46" s="234"/>
      <c r="DR46" s="234"/>
      <c r="DS46" s="234"/>
      <c r="DT46" s="234"/>
      <c r="DU46" s="215"/>
      <c r="DV46" s="215"/>
      <c r="DW46" s="215"/>
      <c r="DX46" s="215"/>
      <c r="DY46" s="215"/>
      <c r="DZ46" s="215"/>
      <c r="EA46" s="215"/>
      <c r="EB46" s="215"/>
      <c r="EC46" s="215"/>
      <c r="ED46" s="215"/>
      <c r="EE46" s="215"/>
      <c r="EF46" s="215"/>
      <c r="EG46" s="242"/>
      <c r="EH46" s="243"/>
      <c r="EI46" s="243"/>
      <c r="EJ46" s="243"/>
      <c r="EK46" s="243"/>
      <c r="EL46" s="243"/>
      <c r="EM46" s="243"/>
      <c r="EN46" s="243"/>
      <c r="EO46" s="243"/>
      <c r="EP46" s="243"/>
      <c r="EQ46" s="243"/>
      <c r="ER46" s="243"/>
      <c r="ES46" s="243"/>
      <c r="ET46" s="243"/>
      <c r="EU46" s="244"/>
      <c r="EV46" s="202"/>
      <c r="EW46" s="203"/>
      <c r="EX46" s="203"/>
      <c r="EY46" s="203"/>
      <c r="EZ46" s="203"/>
      <c r="FA46" s="203"/>
      <c r="FB46" s="203"/>
      <c r="FC46" s="203"/>
      <c r="FD46" s="203"/>
      <c r="FE46" s="203"/>
      <c r="FF46" s="203"/>
      <c r="FG46" s="203"/>
      <c r="FH46" s="203"/>
      <c r="FI46" s="203"/>
      <c r="FJ46" s="203"/>
      <c r="FK46" s="203"/>
      <c r="FL46" s="203"/>
      <c r="FM46" s="204"/>
      <c r="FN46" s="215"/>
      <c r="FO46" s="215"/>
      <c r="FP46" s="215"/>
      <c r="FQ46" s="215"/>
      <c r="FR46" s="215"/>
      <c r="FS46" s="215"/>
      <c r="FT46" s="215"/>
      <c r="FU46" s="215"/>
      <c r="FV46" s="215"/>
      <c r="FW46" s="215"/>
      <c r="FX46" s="215"/>
      <c r="FY46" s="215"/>
      <c r="FZ46" s="215"/>
      <c r="GA46" s="215"/>
      <c r="GB46" s="215"/>
      <c r="GC46" s="215"/>
      <c r="GD46" s="215"/>
      <c r="GE46" s="215"/>
      <c r="GF46" s="215"/>
      <c r="GG46" s="215"/>
      <c r="GH46" s="215"/>
      <c r="GI46" s="215"/>
      <c r="GJ46" s="215"/>
      <c r="GK46" s="215"/>
      <c r="GL46" s="215"/>
      <c r="GM46" s="215"/>
      <c r="GN46" s="215"/>
      <c r="GO46" s="215"/>
      <c r="GP46" s="410"/>
      <c r="GQ46" s="411"/>
      <c r="GR46" s="411"/>
      <c r="GS46" s="411"/>
      <c r="GT46" s="411"/>
      <c r="GU46" s="411"/>
      <c r="GV46" s="411"/>
      <c r="GW46" s="411"/>
      <c r="GX46" s="411"/>
      <c r="GY46" s="411"/>
      <c r="GZ46" s="411"/>
      <c r="HA46" s="411"/>
      <c r="HB46" s="411"/>
      <c r="HC46" s="411"/>
      <c r="HD46" s="411"/>
      <c r="HE46" s="411"/>
      <c r="HF46" s="411"/>
      <c r="HG46" s="411"/>
      <c r="HH46" s="411"/>
      <c r="HI46" s="411"/>
      <c r="HJ46" s="411"/>
      <c r="HK46" s="411"/>
      <c r="HL46" s="411"/>
      <c r="HM46" s="411"/>
      <c r="HN46" s="411"/>
      <c r="HO46" s="411"/>
      <c r="HP46" s="411"/>
      <c r="HQ46" s="412"/>
    </row>
    <row r="47" spans="2:225" ht="6" customHeight="1">
      <c r="B47" s="225">
        <v>10</v>
      </c>
      <c r="C47" s="225"/>
      <c r="D47" s="225"/>
      <c r="E47" s="225"/>
      <c r="F47" s="225"/>
      <c r="G47" s="225"/>
      <c r="H47" s="225"/>
      <c r="I47" s="225">
        <v>1</v>
      </c>
      <c r="J47" s="225"/>
      <c r="K47" s="225"/>
      <c r="L47" s="225"/>
      <c r="M47" s="225"/>
      <c r="N47" s="225"/>
      <c r="O47" s="225"/>
      <c r="P47" s="226"/>
      <c r="Q47" s="245" t="s">
        <v>89</v>
      </c>
      <c r="R47" s="246"/>
      <c r="S47" s="246"/>
      <c r="T47" s="246"/>
      <c r="U47" s="246"/>
      <c r="V47" s="246"/>
      <c r="W47" s="246"/>
      <c r="X47" s="246"/>
      <c r="Y47" s="246"/>
      <c r="Z47" s="246"/>
      <c r="AA47" s="246"/>
      <c r="AB47" s="246"/>
      <c r="AC47" s="246"/>
      <c r="AD47" s="246"/>
      <c r="AE47" s="246"/>
      <c r="AF47" s="246"/>
      <c r="AG47" s="246"/>
      <c r="AH47" s="246"/>
      <c r="AI47" s="246"/>
      <c r="AJ47" s="246"/>
      <c r="AK47" s="246"/>
      <c r="AL47" s="246"/>
      <c r="AM47" s="246"/>
      <c r="AN47" s="246"/>
      <c r="AO47" s="246"/>
      <c r="AP47" s="246"/>
      <c r="AQ47" s="246"/>
      <c r="AR47" s="246"/>
      <c r="AS47" s="246"/>
      <c r="AT47" s="246"/>
      <c r="AU47" s="246"/>
      <c r="AV47" s="246"/>
      <c r="AW47" s="246"/>
      <c r="AX47" s="246"/>
      <c r="AY47" s="246"/>
      <c r="AZ47" s="246"/>
      <c r="BA47" s="246"/>
      <c r="BB47" s="246"/>
      <c r="BC47" s="246"/>
      <c r="BD47" s="246"/>
      <c r="BE47" s="246"/>
      <c r="BF47" s="246"/>
      <c r="BG47" s="246"/>
      <c r="BH47" s="246"/>
      <c r="BI47" s="246"/>
      <c r="BJ47" s="246"/>
      <c r="BK47" s="246"/>
      <c r="BL47" s="246"/>
      <c r="BM47" s="246"/>
      <c r="BN47" s="246"/>
      <c r="BO47" s="246"/>
      <c r="BP47" s="246"/>
      <c r="BQ47" s="246"/>
      <c r="BR47" s="246"/>
      <c r="BS47" s="246"/>
      <c r="BT47" s="246"/>
      <c r="BU47" s="246"/>
      <c r="BV47" s="246"/>
      <c r="BW47" s="246"/>
      <c r="BX47" s="246"/>
      <c r="BY47" s="246"/>
      <c r="BZ47" s="246"/>
      <c r="CA47" s="246"/>
      <c r="CB47" s="246"/>
      <c r="CC47" s="246"/>
      <c r="CD47" s="246"/>
      <c r="CE47" s="246"/>
      <c r="CF47" s="246"/>
      <c r="CG47" s="247"/>
      <c r="CH47" s="230"/>
      <c r="CI47" s="215">
        <v>500000</v>
      </c>
      <c r="CJ47" s="215"/>
      <c r="CK47" s="215"/>
      <c r="CL47" s="215"/>
      <c r="CM47" s="215"/>
      <c r="CN47" s="215"/>
      <c r="CO47" s="215"/>
      <c r="CP47" s="215"/>
      <c r="CQ47" s="215"/>
      <c r="CR47" s="215"/>
      <c r="CS47" s="215"/>
      <c r="CT47" s="215"/>
      <c r="CU47" s="215"/>
      <c r="CV47" s="215"/>
      <c r="CW47" s="215"/>
      <c r="CX47" s="215"/>
      <c r="CY47" s="215"/>
      <c r="CZ47" s="215"/>
      <c r="DA47" s="215"/>
      <c r="DB47" s="215"/>
      <c r="DC47" s="215"/>
      <c r="DD47" s="215"/>
      <c r="DE47" s="215"/>
      <c r="DF47" s="215"/>
      <c r="DG47" s="215"/>
      <c r="DH47" s="215"/>
      <c r="DI47" s="234">
        <v>0.7</v>
      </c>
      <c r="DJ47" s="234"/>
      <c r="DK47" s="234"/>
      <c r="DL47" s="234"/>
      <c r="DM47" s="234"/>
      <c r="DN47" s="234"/>
      <c r="DO47" s="234"/>
      <c r="DP47" s="234"/>
      <c r="DQ47" s="234"/>
      <c r="DR47" s="234"/>
      <c r="DS47" s="234"/>
      <c r="DT47" s="234"/>
      <c r="DU47" s="215" t="s">
        <v>84</v>
      </c>
      <c r="DV47" s="215"/>
      <c r="DW47" s="215"/>
      <c r="DX47" s="215"/>
      <c r="DY47" s="215"/>
      <c r="DZ47" s="215"/>
      <c r="EA47" s="215"/>
      <c r="EB47" s="215"/>
      <c r="EC47" s="215"/>
      <c r="ED47" s="215"/>
      <c r="EE47" s="215"/>
      <c r="EF47" s="215"/>
      <c r="EG47" s="216"/>
      <c r="EH47" s="217"/>
      <c r="EI47" s="217"/>
      <c r="EJ47" s="217"/>
      <c r="EK47" s="217"/>
      <c r="EL47" s="217"/>
      <c r="EM47" s="217"/>
      <c r="EN47" s="217"/>
      <c r="EO47" s="217"/>
      <c r="EP47" s="217"/>
      <c r="EQ47" s="217"/>
      <c r="ER47" s="217"/>
      <c r="ES47" s="217"/>
      <c r="ET47" s="217"/>
      <c r="EU47" s="218"/>
      <c r="EV47" s="216" t="s">
        <v>88</v>
      </c>
      <c r="EW47" s="217"/>
      <c r="EX47" s="217"/>
      <c r="EY47" s="217"/>
      <c r="EZ47" s="217"/>
      <c r="FA47" s="217"/>
      <c r="FB47" s="217"/>
      <c r="FC47" s="217"/>
      <c r="FD47" s="217"/>
      <c r="FE47" s="217"/>
      <c r="FF47" s="217"/>
      <c r="FG47" s="217"/>
      <c r="FH47" s="217"/>
      <c r="FI47" s="217"/>
      <c r="FJ47" s="217"/>
      <c r="FK47" s="217"/>
      <c r="FL47" s="217"/>
      <c r="FM47" s="218"/>
      <c r="FN47" s="215">
        <v>350000</v>
      </c>
      <c r="FO47" s="215"/>
      <c r="FP47" s="215"/>
      <c r="FQ47" s="215"/>
      <c r="FR47" s="215"/>
      <c r="FS47" s="215"/>
      <c r="FT47" s="215"/>
      <c r="FU47" s="215"/>
      <c r="FV47" s="215"/>
      <c r="FW47" s="215"/>
      <c r="FX47" s="215"/>
      <c r="FY47" s="215"/>
      <c r="FZ47" s="215"/>
      <c r="GA47" s="215"/>
      <c r="GB47" s="215"/>
      <c r="GC47" s="215"/>
      <c r="GD47" s="215"/>
      <c r="GE47" s="215"/>
      <c r="GF47" s="215"/>
      <c r="GG47" s="215"/>
      <c r="GH47" s="215"/>
      <c r="GI47" s="215"/>
      <c r="GJ47" s="215"/>
      <c r="GK47" s="215"/>
      <c r="GL47" s="215"/>
      <c r="GM47" s="215"/>
      <c r="GN47" s="215"/>
      <c r="GO47" s="215"/>
      <c r="GP47" s="413">
        <v>70000</v>
      </c>
      <c r="GQ47" s="414"/>
      <c r="GR47" s="414"/>
      <c r="GS47" s="414"/>
      <c r="GT47" s="414"/>
      <c r="GU47" s="414"/>
      <c r="GV47" s="414"/>
      <c r="GW47" s="414"/>
      <c r="GX47" s="414"/>
      <c r="GY47" s="414"/>
      <c r="GZ47" s="414"/>
      <c r="HA47" s="414"/>
      <c r="HB47" s="414"/>
      <c r="HC47" s="414"/>
      <c r="HD47" s="414"/>
      <c r="HE47" s="414"/>
      <c r="HF47" s="414"/>
      <c r="HG47" s="414"/>
      <c r="HH47" s="414"/>
      <c r="HI47" s="414"/>
      <c r="HJ47" s="414"/>
      <c r="HK47" s="414"/>
      <c r="HL47" s="414"/>
      <c r="HM47" s="414"/>
      <c r="HN47" s="414"/>
      <c r="HO47" s="414"/>
      <c r="HP47" s="414"/>
      <c r="HQ47" s="415"/>
    </row>
    <row r="48" spans="2:225" ht="6" customHeight="1">
      <c r="B48" s="225"/>
      <c r="C48" s="225"/>
      <c r="D48" s="225"/>
      <c r="E48" s="225"/>
      <c r="F48" s="225"/>
      <c r="G48" s="225"/>
      <c r="H48" s="225"/>
      <c r="I48" s="225"/>
      <c r="J48" s="225"/>
      <c r="K48" s="225"/>
      <c r="L48" s="225"/>
      <c r="M48" s="225"/>
      <c r="N48" s="225"/>
      <c r="O48" s="225"/>
      <c r="P48" s="226"/>
      <c r="Q48" s="245"/>
      <c r="R48" s="246"/>
      <c r="S48" s="246"/>
      <c r="T48" s="246"/>
      <c r="U48" s="246"/>
      <c r="V48" s="246"/>
      <c r="W48" s="246"/>
      <c r="X48" s="246"/>
      <c r="Y48" s="246"/>
      <c r="Z48" s="246"/>
      <c r="AA48" s="246"/>
      <c r="AB48" s="246"/>
      <c r="AC48" s="246"/>
      <c r="AD48" s="246"/>
      <c r="AE48" s="246"/>
      <c r="AF48" s="246"/>
      <c r="AG48" s="246"/>
      <c r="AH48" s="246"/>
      <c r="AI48" s="246"/>
      <c r="AJ48" s="246"/>
      <c r="AK48" s="246"/>
      <c r="AL48" s="246"/>
      <c r="AM48" s="246"/>
      <c r="AN48" s="246"/>
      <c r="AO48" s="246"/>
      <c r="AP48" s="246"/>
      <c r="AQ48" s="246"/>
      <c r="AR48" s="246"/>
      <c r="AS48" s="246"/>
      <c r="AT48" s="246"/>
      <c r="AU48" s="246"/>
      <c r="AV48" s="246"/>
      <c r="AW48" s="246"/>
      <c r="AX48" s="246"/>
      <c r="AY48" s="246"/>
      <c r="AZ48" s="246"/>
      <c r="BA48" s="246"/>
      <c r="BB48" s="246"/>
      <c r="BC48" s="246"/>
      <c r="BD48" s="246"/>
      <c r="BE48" s="246"/>
      <c r="BF48" s="246"/>
      <c r="BG48" s="246"/>
      <c r="BH48" s="246"/>
      <c r="BI48" s="246"/>
      <c r="BJ48" s="246"/>
      <c r="BK48" s="246"/>
      <c r="BL48" s="246"/>
      <c r="BM48" s="246"/>
      <c r="BN48" s="246"/>
      <c r="BO48" s="246"/>
      <c r="BP48" s="246"/>
      <c r="BQ48" s="246"/>
      <c r="BR48" s="246"/>
      <c r="BS48" s="246"/>
      <c r="BT48" s="246"/>
      <c r="BU48" s="246"/>
      <c r="BV48" s="246"/>
      <c r="BW48" s="246"/>
      <c r="BX48" s="246"/>
      <c r="BY48" s="246"/>
      <c r="BZ48" s="246"/>
      <c r="CA48" s="246"/>
      <c r="CB48" s="246"/>
      <c r="CC48" s="246"/>
      <c r="CD48" s="246"/>
      <c r="CE48" s="246"/>
      <c r="CF48" s="246"/>
      <c r="CG48" s="247"/>
      <c r="CH48" s="230"/>
      <c r="CI48" s="215"/>
      <c r="CJ48" s="215"/>
      <c r="CK48" s="215"/>
      <c r="CL48" s="215"/>
      <c r="CM48" s="215"/>
      <c r="CN48" s="215"/>
      <c r="CO48" s="215"/>
      <c r="CP48" s="215"/>
      <c r="CQ48" s="215"/>
      <c r="CR48" s="215"/>
      <c r="CS48" s="215"/>
      <c r="CT48" s="215"/>
      <c r="CU48" s="215"/>
      <c r="CV48" s="215"/>
      <c r="CW48" s="215"/>
      <c r="CX48" s="215"/>
      <c r="CY48" s="215"/>
      <c r="CZ48" s="215"/>
      <c r="DA48" s="215"/>
      <c r="DB48" s="215"/>
      <c r="DC48" s="215"/>
      <c r="DD48" s="215"/>
      <c r="DE48" s="215"/>
      <c r="DF48" s="215"/>
      <c r="DG48" s="215"/>
      <c r="DH48" s="215"/>
      <c r="DI48" s="234"/>
      <c r="DJ48" s="234"/>
      <c r="DK48" s="234"/>
      <c r="DL48" s="234"/>
      <c r="DM48" s="234"/>
      <c r="DN48" s="234"/>
      <c r="DO48" s="234"/>
      <c r="DP48" s="234"/>
      <c r="DQ48" s="234"/>
      <c r="DR48" s="234"/>
      <c r="DS48" s="234"/>
      <c r="DT48" s="234"/>
      <c r="DU48" s="215"/>
      <c r="DV48" s="215"/>
      <c r="DW48" s="215"/>
      <c r="DX48" s="215"/>
      <c r="DY48" s="215"/>
      <c r="DZ48" s="215"/>
      <c r="EA48" s="215"/>
      <c r="EB48" s="215"/>
      <c r="EC48" s="215"/>
      <c r="ED48" s="215"/>
      <c r="EE48" s="215"/>
      <c r="EF48" s="215"/>
      <c r="EG48" s="219"/>
      <c r="EH48" s="220"/>
      <c r="EI48" s="220"/>
      <c r="EJ48" s="220"/>
      <c r="EK48" s="220"/>
      <c r="EL48" s="220"/>
      <c r="EM48" s="220"/>
      <c r="EN48" s="220"/>
      <c r="EO48" s="220"/>
      <c r="EP48" s="220"/>
      <c r="EQ48" s="220"/>
      <c r="ER48" s="220"/>
      <c r="ES48" s="220"/>
      <c r="ET48" s="220"/>
      <c r="EU48" s="221"/>
      <c r="EV48" s="219"/>
      <c r="EW48" s="220"/>
      <c r="EX48" s="220"/>
      <c r="EY48" s="220"/>
      <c r="EZ48" s="220"/>
      <c r="FA48" s="220"/>
      <c r="FB48" s="220"/>
      <c r="FC48" s="220"/>
      <c r="FD48" s="220"/>
      <c r="FE48" s="220"/>
      <c r="FF48" s="220"/>
      <c r="FG48" s="220"/>
      <c r="FH48" s="220"/>
      <c r="FI48" s="220"/>
      <c r="FJ48" s="220"/>
      <c r="FK48" s="220"/>
      <c r="FL48" s="220"/>
      <c r="FM48" s="221"/>
      <c r="FN48" s="215"/>
      <c r="FO48" s="215"/>
      <c r="FP48" s="215"/>
      <c r="FQ48" s="215"/>
      <c r="FR48" s="215"/>
      <c r="FS48" s="215"/>
      <c r="FT48" s="215"/>
      <c r="FU48" s="215"/>
      <c r="FV48" s="215"/>
      <c r="FW48" s="215"/>
      <c r="FX48" s="215"/>
      <c r="FY48" s="215"/>
      <c r="FZ48" s="215"/>
      <c r="GA48" s="215"/>
      <c r="GB48" s="215"/>
      <c r="GC48" s="215"/>
      <c r="GD48" s="215"/>
      <c r="GE48" s="215"/>
      <c r="GF48" s="215"/>
      <c r="GG48" s="215"/>
      <c r="GH48" s="215"/>
      <c r="GI48" s="215"/>
      <c r="GJ48" s="215"/>
      <c r="GK48" s="215"/>
      <c r="GL48" s="215"/>
      <c r="GM48" s="215"/>
      <c r="GN48" s="215"/>
      <c r="GO48" s="215"/>
      <c r="GP48" s="416"/>
      <c r="GQ48" s="417"/>
      <c r="GR48" s="417"/>
      <c r="GS48" s="417"/>
      <c r="GT48" s="417"/>
      <c r="GU48" s="417"/>
      <c r="GV48" s="417"/>
      <c r="GW48" s="417"/>
      <c r="GX48" s="417"/>
      <c r="GY48" s="417"/>
      <c r="GZ48" s="417"/>
      <c r="HA48" s="417"/>
      <c r="HB48" s="417"/>
      <c r="HC48" s="417"/>
      <c r="HD48" s="417"/>
      <c r="HE48" s="417"/>
      <c r="HF48" s="417"/>
      <c r="HG48" s="417"/>
      <c r="HH48" s="417"/>
      <c r="HI48" s="417"/>
      <c r="HJ48" s="417"/>
      <c r="HK48" s="417"/>
      <c r="HL48" s="417"/>
      <c r="HM48" s="417"/>
      <c r="HN48" s="417"/>
      <c r="HO48" s="417"/>
      <c r="HP48" s="417"/>
      <c r="HQ48" s="418"/>
    </row>
    <row r="49" spans="2:225" ht="6" customHeight="1">
      <c r="B49" s="225"/>
      <c r="C49" s="225"/>
      <c r="D49" s="225"/>
      <c r="E49" s="225"/>
      <c r="F49" s="225"/>
      <c r="G49" s="225"/>
      <c r="H49" s="225"/>
      <c r="I49" s="225"/>
      <c r="J49" s="225"/>
      <c r="K49" s="225"/>
      <c r="L49" s="225"/>
      <c r="M49" s="225"/>
      <c r="N49" s="225"/>
      <c r="O49" s="225"/>
      <c r="P49" s="226"/>
      <c r="Q49" s="245"/>
      <c r="R49" s="246"/>
      <c r="S49" s="246"/>
      <c r="T49" s="246"/>
      <c r="U49" s="246"/>
      <c r="V49" s="246"/>
      <c r="W49" s="246"/>
      <c r="X49" s="246"/>
      <c r="Y49" s="246"/>
      <c r="Z49" s="246"/>
      <c r="AA49" s="246"/>
      <c r="AB49" s="246"/>
      <c r="AC49" s="246"/>
      <c r="AD49" s="246"/>
      <c r="AE49" s="246"/>
      <c r="AF49" s="246"/>
      <c r="AG49" s="246"/>
      <c r="AH49" s="246"/>
      <c r="AI49" s="246"/>
      <c r="AJ49" s="246"/>
      <c r="AK49" s="246"/>
      <c r="AL49" s="246"/>
      <c r="AM49" s="246"/>
      <c r="AN49" s="246"/>
      <c r="AO49" s="246"/>
      <c r="AP49" s="246"/>
      <c r="AQ49" s="246"/>
      <c r="AR49" s="246"/>
      <c r="AS49" s="246"/>
      <c r="AT49" s="246"/>
      <c r="AU49" s="246"/>
      <c r="AV49" s="246"/>
      <c r="AW49" s="246"/>
      <c r="AX49" s="246"/>
      <c r="AY49" s="246"/>
      <c r="AZ49" s="246"/>
      <c r="BA49" s="246"/>
      <c r="BB49" s="246"/>
      <c r="BC49" s="246"/>
      <c r="BD49" s="246"/>
      <c r="BE49" s="246"/>
      <c r="BF49" s="246"/>
      <c r="BG49" s="246"/>
      <c r="BH49" s="246"/>
      <c r="BI49" s="246"/>
      <c r="BJ49" s="246"/>
      <c r="BK49" s="246"/>
      <c r="BL49" s="246"/>
      <c r="BM49" s="246"/>
      <c r="BN49" s="246"/>
      <c r="BO49" s="246"/>
      <c r="BP49" s="246"/>
      <c r="BQ49" s="246"/>
      <c r="BR49" s="246"/>
      <c r="BS49" s="246"/>
      <c r="BT49" s="246"/>
      <c r="BU49" s="246"/>
      <c r="BV49" s="246"/>
      <c r="BW49" s="246"/>
      <c r="BX49" s="246"/>
      <c r="BY49" s="246"/>
      <c r="BZ49" s="246"/>
      <c r="CA49" s="246"/>
      <c r="CB49" s="246"/>
      <c r="CC49" s="246"/>
      <c r="CD49" s="246"/>
      <c r="CE49" s="246"/>
      <c r="CF49" s="246"/>
      <c r="CG49" s="247"/>
      <c r="CH49" s="230"/>
      <c r="CI49" s="215"/>
      <c r="CJ49" s="215"/>
      <c r="CK49" s="215"/>
      <c r="CL49" s="215"/>
      <c r="CM49" s="215"/>
      <c r="CN49" s="215"/>
      <c r="CO49" s="215"/>
      <c r="CP49" s="215"/>
      <c r="CQ49" s="215"/>
      <c r="CR49" s="215"/>
      <c r="CS49" s="215"/>
      <c r="CT49" s="215"/>
      <c r="CU49" s="215"/>
      <c r="CV49" s="215"/>
      <c r="CW49" s="215"/>
      <c r="CX49" s="215"/>
      <c r="CY49" s="215"/>
      <c r="CZ49" s="215"/>
      <c r="DA49" s="215"/>
      <c r="DB49" s="215"/>
      <c r="DC49" s="215"/>
      <c r="DD49" s="215"/>
      <c r="DE49" s="215"/>
      <c r="DF49" s="215"/>
      <c r="DG49" s="215"/>
      <c r="DH49" s="215"/>
      <c r="DI49" s="234"/>
      <c r="DJ49" s="234"/>
      <c r="DK49" s="234"/>
      <c r="DL49" s="234"/>
      <c r="DM49" s="234"/>
      <c r="DN49" s="234"/>
      <c r="DO49" s="234"/>
      <c r="DP49" s="234"/>
      <c r="DQ49" s="234"/>
      <c r="DR49" s="234"/>
      <c r="DS49" s="234"/>
      <c r="DT49" s="234"/>
      <c r="DU49" s="215"/>
      <c r="DV49" s="215"/>
      <c r="DW49" s="215"/>
      <c r="DX49" s="215"/>
      <c r="DY49" s="215"/>
      <c r="DZ49" s="215"/>
      <c r="EA49" s="215"/>
      <c r="EB49" s="215"/>
      <c r="EC49" s="215"/>
      <c r="ED49" s="215"/>
      <c r="EE49" s="215"/>
      <c r="EF49" s="215"/>
      <c r="EG49" s="219"/>
      <c r="EH49" s="220"/>
      <c r="EI49" s="220"/>
      <c r="EJ49" s="220"/>
      <c r="EK49" s="220"/>
      <c r="EL49" s="220"/>
      <c r="EM49" s="220"/>
      <c r="EN49" s="220"/>
      <c r="EO49" s="220"/>
      <c r="EP49" s="220"/>
      <c r="EQ49" s="220"/>
      <c r="ER49" s="220"/>
      <c r="ES49" s="220"/>
      <c r="ET49" s="220"/>
      <c r="EU49" s="221"/>
      <c r="EV49" s="219"/>
      <c r="EW49" s="220"/>
      <c r="EX49" s="220"/>
      <c r="EY49" s="220"/>
      <c r="EZ49" s="220"/>
      <c r="FA49" s="220"/>
      <c r="FB49" s="220"/>
      <c r="FC49" s="220"/>
      <c r="FD49" s="220"/>
      <c r="FE49" s="220"/>
      <c r="FF49" s="220"/>
      <c r="FG49" s="220"/>
      <c r="FH49" s="220"/>
      <c r="FI49" s="220"/>
      <c r="FJ49" s="220"/>
      <c r="FK49" s="220"/>
      <c r="FL49" s="220"/>
      <c r="FM49" s="221"/>
      <c r="FN49" s="215"/>
      <c r="FO49" s="215"/>
      <c r="FP49" s="215"/>
      <c r="FQ49" s="215"/>
      <c r="FR49" s="215"/>
      <c r="FS49" s="215"/>
      <c r="FT49" s="215"/>
      <c r="FU49" s="215"/>
      <c r="FV49" s="215"/>
      <c r="FW49" s="215"/>
      <c r="FX49" s="215"/>
      <c r="FY49" s="215"/>
      <c r="FZ49" s="215"/>
      <c r="GA49" s="215"/>
      <c r="GB49" s="215"/>
      <c r="GC49" s="215"/>
      <c r="GD49" s="215"/>
      <c r="GE49" s="215"/>
      <c r="GF49" s="215"/>
      <c r="GG49" s="215"/>
      <c r="GH49" s="215"/>
      <c r="GI49" s="215"/>
      <c r="GJ49" s="215"/>
      <c r="GK49" s="215"/>
      <c r="GL49" s="215"/>
      <c r="GM49" s="215"/>
      <c r="GN49" s="215"/>
      <c r="GO49" s="215"/>
      <c r="GP49" s="416"/>
      <c r="GQ49" s="417"/>
      <c r="GR49" s="417"/>
      <c r="GS49" s="417"/>
      <c r="GT49" s="417"/>
      <c r="GU49" s="417"/>
      <c r="GV49" s="417"/>
      <c r="GW49" s="417"/>
      <c r="GX49" s="417"/>
      <c r="GY49" s="417"/>
      <c r="GZ49" s="417"/>
      <c r="HA49" s="417"/>
      <c r="HB49" s="417"/>
      <c r="HC49" s="417"/>
      <c r="HD49" s="417"/>
      <c r="HE49" s="417"/>
      <c r="HF49" s="417"/>
      <c r="HG49" s="417"/>
      <c r="HH49" s="417"/>
      <c r="HI49" s="417"/>
      <c r="HJ49" s="417"/>
      <c r="HK49" s="417"/>
      <c r="HL49" s="417"/>
      <c r="HM49" s="417"/>
      <c r="HN49" s="417"/>
      <c r="HO49" s="417"/>
      <c r="HP49" s="417"/>
      <c r="HQ49" s="418"/>
    </row>
    <row r="50" spans="2:225" ht="6" customHeight="1">
      <c r="B50" s="225"/>
      <c r="C50" s="225"/>
      <c r="D50" s="225"/>
      <c r="E50" s="225"/>
      <c r="F50" s="225"/>
      <c r="G50" s="225"/>
      <c r="H50" s="225"/>
      <c r="I50" s="225"/>
      <c r="J50" s="225"/>
      <c r="K50" s="225"/>
      <c r="L50" s="225"/>
      <c r="M50" s="225"/>
      <c r="N50" s="225"/>
      <c r="O50" s="225"/>
      <c r="P50" s="226"/>
      <c r="Q50" s="245"/>
      <c r="R50" s="246"/>
      <c r="S50" s="246"/>
      <c r="T50" s="246"/>
      <c r="U50" s="246"/>
      <c r="V50" s="246"/>
      <c r="W50" s="246"/>
      <c r="X50" s="246"/>
      <c r="Y50" s="246"/>
      <c r="Z50" s="246"/>
      <c r="AA50" s="246"/>
      <c r="AB50" s="246"/>
      <c r="AC50" s="246"/>
      <c r="AD50" s="246"/>
      <c r="AE50" s="246"/>
      <c r="AF50" s="246"/>
      <c r="AG50" s="246"/>
      <c r="AH50" s="246"/>
      <c r="AI50" s="246"/>
      <c r="AJ50" s="246"/>
      <c r="AK50" s="246"/>
      <c r="AL50" s="246"/>
      <c r="AM50" s="246"/>
      <c r="AN50" s="246"/>
      <c r="AO50" s="246"/>
      <c r="AP50" s="246"/>
      <c r="AQ50" s="246"/>
      <c r="AR50" s="246"/>
      <c r="AS50" s="246"/>
      <c r="AT50" s="246"/>
      <c r="AU50" s="246"/>
      <c r="AV50" s="246"/>
      <c r="AW50" s="246"/>
      <c r="AX50" s="246"/>
      <c r="AY50" s="246"/>
      <c r="AZ50" s="246"/>
      <c r="BA50" s="246"/>
      <c r="BB50" s="246"/>
      <c r="BC50" s="246"/>
      <c r="BD50" s="246"/>
      <c r="BE50" s="246"/>
      <c r="BF50" s="246"/>
      <c r="BG50" s="246"/>
      <c r="BH50" s="246"/>
      <c r="BI50" s="246"/>
      <c r="BJ50" s="246"/>
      <c r="BK50" s="246"/>
      <c r="BL50" s="246"/>
      <c r="BM50" s="246"/>
      <c r="BN50" s="246"/>
      <c r="BO50" s="246"/>
      <c r="BP50" s="246"/>
      <c r="BQ50" s="246"/>
      <c r="BR50" s="246"/>
      <c r="BS50" s="246"/>
      <c r="BT50" s="246"/>
      <c r="BU50" s="246"/>
      <c r="BV50" s="246"/>
      <c r="BW50" s="246"/>
      <c r="BX50" s="246"/>
      <c r="BY50" s="246"/>
      <c r="BZ50" s="246"/>
      <c r="CA50" s="246"/>
      <c r="CB50" s="246"/>
      <c r="CC50" s="246"/>
      <c r="CD50" s="246"/>
      <c r="CE50" s="246"/>
      <c r="CF50" s="246"/>
      <c r="CG50" s="247"/>
      <c r="CH50" s="230"/>
      <c r="CI50" s="215"/>
      <c r="CJ50" s="215"/>
      <c r="CK50" s="215"/>
      <c r="CL50" s="215"/>
      <c r="CM50" s="215"/>
      <c r="CN50" s="215"/>
      <c r="CO50" s="215"/>
      <c r="CP50" s="215"/>
      <c r="CQ50" s="215"/>
      <c r="CR50" s="215"/>
      <c r="CS50" s="215"/>
      <c r="CT50" s="215"/>
      <c r="CU50" s="215"/>
      <c r="CV50" s="215"/>
      <c r="CW50" s="215"/>
      <c r="CX50" s="215"/>
      <c r="CY50" s="215"/>
      <c r="CZ50" s="215"/>
      <c r="DA50" s="215"/>
      <c r="DB50" s="215"/>
      <c r="DC50" s="215"/>
      <c r="DD50" s="215"/>
      <c r="DE50" s="215"/>
      <c r="DF50" s="215"/>
      <c r="DG50" s="215"/>
      <c r="DH50" s="215"/>
      <c r="DI50" s="234"/>
      <c r="DJ50" s="234"/>
      <c r="DK50" s="234"/>
      <c r="DL50" s="234"/>
      <c r="DM50" s="234"/>
      <c r="DN50" s="234"/>
      <c r="DO50" s="234"/>
      <c r="DP50" s="234"/>
      <c r="DQ50" s="234"/>
      <c r="DR50" s="234"/>
      <c r="DS50" s="234"/>
      <c r="DT50" s="234"/>
      <c r="DU50" s="215"/>
      <c r="DV50" s="215"/>
      <c r="DW50" s="215"/>
      <c r="DX50" s="215"/>
      <c r="DY50" s="215"/>
      <c r="DZ50" s="215"/>
      <c r="EA50" s="215"/>
      <c r="EB50" s="215"/>
      <c r="EC50" s="215"/>
      <c r="ED50" s="215"/>
      <c r="EE50" s="215"/>
      <c r="EF50" s="215"/>
      <c r="EG50" s="222"/>
      <c r="EH50" s="223"/>
      <c r="EI50" s="223"/>
      <c r="EJ50" s="223"/>
      <c r="EK50" s="223"/>
      <c r="EL50" s="223"/>
      <c r="EM50" s="223"/>
      <c r="EN50" s="223"/>
      <c r="EO50" s="223"/>
      <c r="EP50" s="223"/>
      <c r="EQ50" s="223"/>
      <c r="ER50" s="223"/>
      <c r="ES50" s="223"/>
      <c r="ET50" s="223"/>
      <c r="EU50" s="224"/>
      <c r="EV50" s="222"/>
      <c r="EW50" s="223"/>
      <c r="EX50" s="223"/>
      <c r="EY50" s="223"/>
      <c r="EZ50" s="223"/>
      <c r="FA50" s="223"/>
      <c r="FB50" s="223"/>
      <c r="FC50" s="223"/>
      <c r="FD50" s="223"/>
      <c r="FE50" s="223"/>
      <c r="FF50" s="223"/>
      <c r="FG50" s="223"/>
      <c r="FH50" s="223"/>
      <c r="FI50" s="223"/>
      <c r="FJ50" s="223"/>
      <c r="FK50" s="223"/>
      <c r="FL50" s="223"/>
      <c r="FM50" s="224"/>
      <c r="FN50" s="215"/>
      <c r="FO50" s="215"/>
      <c r="FP50" s="215"/>
      <c r="FQ50" s="215"/>
      <c r="FR50" s="215"/>
      <c r="FS50" s="215"/>
      <c r="FT50" s="215"/>
      <c r="FU50" s="215"/>
      <c r="FV50" s="215"/>
      <c r="FW50" s="215"/>
      <c r="FX50" s="215"/>
      <c r="FY50" s="215"/>
      <c r="FZ50" s="215"/>
      <c r="GA50" s="215"/>
      <c r="GB50" s="215"/>
      <c r="GC50" s="215"/>
      <c r="GD50" s="215"/>
      <c r="GE50" s="215"/>
      <c r="GF50" s="215"/>
      <c r="GG50" s="215"/>
      <c r="GH50" s="215"/>
      <c r="GI50" s="215"/>
      <c r="GJ50" s="215"/>
      <c r="GK50" s="215"/>
      <c r="GL50" s="215"/>
      <c r="GM50" s="215"/>
      <c r="GN50" s="215"/>
      <c r="GO50" s="215"/>
      <c r="GP50" s="419"/>
      <c r="GQ50" s="420"/>
      <c r="GR50" s="420"/>
      <c r="GS50" s="420"/>
      <c r="GT50" s="420"/>
      <c r="GU50" s="420"/>
      <c r="GV50" s="420"/>
      <c r="GW50" s="420"/>
      <c r="GX50" s="420"/>
      <c r="GY50" s="420"/>
      <c r="GZ50" s="420"/>
      <c r="HA50" s="420"/>
      <c r="HB50" s="420"/>
      <c r="HC50" s="420"/>
      <c r="HD50" s="420"/>
      <c r="HE50" s="420"/>
      <c r="HF50" s="420"/>
      <c r="HG50" s="420"/>
      <c r="HH50" s="420"/>
      <c r="HI50" s="420"/>
      <c r="HJ50" s="420"/>
      <c r="HK50" s="420"/>
      <c r="HL50" s="420"/>
      <c r="HM50" s="420"/>
      <c r="HN50" s="420"/>
      <c r="HO50" s="420"/>
      <c r="HP50" s="420"/>
      <c r="HQ50" s="421"/>
    </row>
    <row r="51" spans="2:225" ht="6" customHeight="1">
      <c r="B51" s="225"/>
      <c r="C51" s="225"/>
      <c r="D51" s="225"/>
      <c r="E51" s="225"/>
      <c r="F51" s="225"/>
      <c r="G51" s="225"/>
      <c r="H51" s="225"/>
      <c r="I51" s="225"/>
      <c r="J51" s="225"/>
      <c r="K51" s="225"/>
      <c r="L51" s="225"/>
      <c r="M51" s="225"/>
      <c r="N51" s="225"/>
      <c r="O51" s="225"/>
      <c r="P51" s="226"/>
      <c r="Q51" s="227"/>
      <c r="R51" s="228"/>
      <c r="S51" s="228"/>
      <c r="T51" s="228"/>
      <c r="U51" s="228"/>
      <c r="V51" s="228"/>
      <c r="W51" s="228"/>
      <c r="X51" s="228"/>
      <c r="Y51" s="228"/>
      <c r="Z51" s="228"/>
      <c r="AA51" s="228"/>
      <c r="AB51" s="228"/>
      <c r="AC51" s="228"/>
      <c r="AD51" s="228"/>
      <c r="AE51" s="228"/>
      <c r="AF51" s="228"/>
      <c r="AG51" s="228"/>
      <c r="AH51" s="228"/>
      <c r="AI51" s="228"/>
      <c r="AJ51" s="228"/>
      <c r="AK51" s="228"/>
      <c r="AL51" s="228"/>
      <c r="AM51" s="228"/>
      <c r="AN51" s="228"/>
      <c r="AO51" s="228"/>
      <c r="AP51" s="228"/>
      <c r="AQ51" s="228"/>
      <c r="AR51" s="228"/>
      <c r="AS51" s="228"/>
      <c r="AT51" s="228"/>
      <c r="AU51" s="228"/>
      <c r="AV51" s="228"/>
      <c r="AW51" s="228"/>
      <c r="AX51" s="228"/>
      <c r="AY51" s="228"/>
      <c r="AZ51" s="228"/>
      <c r="BA51" s="228"/>
      <c r="BB51" s="228"/>
      <c r="BC51" s="228"/>
      <c r="BD51" s="228"/>
      <c r="BE51" s="228"/>
      <c r="BF51" s="228"/>
      <c r="BG51" s="228"/>
      <c r="BH51" s="228"/>
      <c r="BI51" s="228"/>
      <c r="BJ51" s="228"/>
      <c r="BK51" s="228"/>
      <c r="BL51" s="228"/>
      <c r="BM51" s="228"/>
      <c r="BN51" s="228"/>
      <c r="BO51" s="228"/>
      <c r="BP51" s="228"/>
      <c r="BQ51" s="228"/>
      <c r="BR51" s="228"/>
      <c r="BS51" s="228"/>
      <c r="BT51" s="228"/>
      <c r="BU51" s="228"/>
      <c r="BV51" s="228"/>
      <c r="BW51" s="228"/>
      <c r="BX51" s="228"/>
      <c r="BY51" s="228"/>
      <c r="BZ51" s="228"/>
      <c r="CA51" s="228"/>
      <c r="CB51" s="228"/>
      <c r="CC51" s="228"/>
      <c r="CD51" s="228"/>
      <c r="CE51" s="228"/>
      <c r="CF51" s="228"/>
      <c r="CG51" s="229"/>
      <c r="CH51" s="230"/>
      <c r="CI51" s="215"/>
      <c r="CJ51" s="215"/>
      <c r="CK51" s="215"/>
      <c r="CL51" s="215"/>
      <c r="CM51" s="215"/>
      <c r="CN51" s="215"/>
      <c r="CO51" s="215"/>
      <c r="CP51" s="215"/>
      <c r="CQ51" s="215"/>
      <c r="CR51" s="215"/>
      <c r="CS51" s="215"/>
      <c r="CT51" s="215"/>
      <c r="CU51" s="215"/>
      <c r="CV51" s="215"/>
      <c r="CW51" s="215"/>
      <c r="CX51" s="215"/>
      <c r="CY51" s="215"/>
      <c r="CZ51" s="215"/>
      <c r="DA51" s="215"/>
      <c r="DB51" s="215"/>
      <c r="DC51" s="215"/>
      <c r="DD51" s="215"/>
      <c r="DE51" s="215"/>
      <c r="DF51" s="215"/>
      <c r="DG51" s="215"/>
      <c r="DH51" s="215"/>
      <c r="DI51" s="234"/>
      <c r="DJ51" s="234"/>
      <c r="DK51" s="234"/>
      <c r="DL51" s="234"/>
      <c r="DM51" s="234"/>
      <c r="DN51" s="234"/>
      <c r="DO51" s="234"/>
      <c r="DP51" s="234"/>
      <c r="DQ51" s="234"/>
      <c r="DR51" s="234"/>
      <c r="DS51" s="234"/>
      <c r="DT51" s="234"/>
      <c r="DU51" s="235"/>
      <c r="DV51" s="235"/>
      <c r="DW51" s="235"/>
      <c r="DX51" s="235"/>
      <c r="DY51" s="235"/>
      <c r="DZ51" s="235"/>
      <c r="EA51" s="235"/>
      <c r="EB51" s="235"/>
      <c r="EC51" s="235"/>
      <c r="ED51" s="235"/>
      <c r="EE51" s="235"/>
      <c r="EF51" s="235"/>
      <c r="EG51" s="236"/>
      <c r="EH51" s="237"/>
      <c r="EI51" s="237"/>
      <c r="EJ51" s="237"/>
      <c r="EK51" s="237"/>
      <c r="EL51" s="237"/>
      <c r="EM51" s="237"/>
      <c r="EN51" s="237"/>
      <c r="EO51" s="237"/>
      <c r="EP51" s="237"/>
      <c r="EQ51" s="237"/>
      <c r="ER51" s="237"/>
      <c r="ES51" s="237"/>
      <c r="ET51" s="237"/>
      <c r="EU51" s="238"/>
      <c r="EV51" s="236"/>
      <c r="EW51" s="237"/>
      <c r="EX51" s="237"/>
      <c r="EY51" s="237"/>
      <c r="EZ51" s="237"/>
      <c r="FA51" s="237"/>
      <c r="FB51" s="237"/>
      <c r="FC51" s="237"/>
      <c r="FD51" s="237"/>
      <c r="FE51" s="237"/>
      <c r="FF51" s="237"/>
      <c r="FG51" s="237"/>
      <c r="FH51" s="237"/>
      <c r="FI51" s="237"/>
      <c r="FJ51" s="237"/>
      <c r="FK51" s="237"/>
      <c r="FL51" s="237"/>
      <c r="FM51" s="238"/>
      <c r="FN51" s="215"/>
      <c r="FO51" s="215"/>
      <c r="FP51" s="215"/>
      <c r="FQ51" s="215"/>
      <c r="FR51" s="215"/>
      <c r="FS51" s="215"/>
      <c r="FT51" s="215"/>
      <c r="FU51" s="215"/>
      <c r="FV51" s="215"/>
      <c r="FW51" s="215"/>
      <c r="FX51" s="215"/>
      <c r="FY51" s="215"/>
      <c r="FZ51" s="215"/>
      <c r="GA51" s="215"/>
      <c r="GB51" s="215"/>
      <c r="GC51" s="215"/>
      <c r="GD51" s="215"/>
      <c r="GE51" s="215"/>
      <c r="GF51" s="215"/>
      <c r="GG51" s="215"/>
      <c r="GH51" s="215"/>
      <c r="GI51" s="215"/>
      <c r="GJ51" s="215"/>
      <c r="GK51" s="215"/>
      <c r="GL51" s="215"/>
      <c r="GM51" s="215"/>
      <c r="GN51" s="215"/>
      <c r="GO51" s="215"/>
      <c r="GP51" s="413"/>
      <c r="GQ51" s="414"/>
      <c r="GR51" s="414"/>
      <c r="GS51" s="414"/>
      <c r="GT51" s="414"/>
      <c r="GU51" s="414"/>
      <c r="GV51" s="414"/>
      <c r="GW51" s="414"/>
      <c r="GX51" s="414"/>
      <c r="GY51" s="414"/>
      <c r="GZ51" s="414"/>
      <c r="HA51" s="414"/>
      <c r="HB51" s="414"/>
      <c r="HC51" s="414"/>
      <c r="HD51" s="414"/>
      <c r="HE51" s="414"/>
      <c r="HF51" s="414"/>
      <c r="HG51" s="414"/>
      <c r="HH51" s="414"/>
      <c r="HI51" s="414"/>
      <c r="HJ51" s="414"/>
      <c r="HK51" s="414"/>
      <c r="HL51" s="414"/>
      <c r="HM51" s="414"/>
      <c r="HN51" s="414"/>
      <c r="HO51" s="414"/>
      <c r="HP51" s="414"/>
      <c r="HQ51" s="415"/>
    </row>
    <row r="52" spans="2:225" ht="6" customHeight="1">
      <c r="B52" s="225"/>
      <c r="C52" s="225"/>
      <c r="D52" s="225"/>
      <c r="E52" s="225"/>
      <c r="F52" s="225"/>
      <c r="G52" s="225"/>
      <c r="H52" s="225"/>
      <c r="I52" s="225"/>
      <c r="J52" s="225"/>
      <c r="K52" s="225"/>
      <c r="L52" s="225"/>
      <c r="M52" s="225"/>
      <c r="N52" s="225"/>
      <c r="O52" s="225"/>
      <c r="P52" s="226"/>
      <c r="Q52" s="227"/>
      <c r="R52" s="228"/>
      <c r="S52" s="228"/>
      <c r="T52" s="228"/>
      <c r="U52" s="228"/>
      <c r="V52" s="228"/>
      <c r="W52" s="228"/>
      <c r="X52" s="228"/>
      <c r="Y52" s="228"/>
      <c r="Z52" s="228"/>
      <c r="AA52" s="228"/>
      <c r="AB52" s="228"/>
      <c r="AC52" s="228"/>
      <c r="AD52" s="228"/>
      <c r="AE52" s="228"/>
      <c r="AF52" s="228"/>
      <c r="AG52" s="228"/>
      <c r="AH52" s="228"/>
      <c r="AI52" s="228"/>
      <c r="AJ52" s="228"/>
      <c r="AK52" s="228"/>
      <c r="AL52" s="228"/>
      <c r="AM52" s="228"/>
      <c r="AN52" s="228"/>
      <c r="AO52" s="228"/>
      <c r="AP52" s="228"/>
      <c r="AQ52" s="228"/>
      <c r="AR52" s="228"/>
      <c r="AS52" s="228"/>
      <c r="AT52" s="228"/>
      <c r="AU52" s="228"/>
      <c r="AV52" s="228"/>
      <c r="AW52" s="228"/>
      <c r="AX52" s="228"/>
      <c r="AY52" s="228"/>
      <c r="AZ52" s="228"/>
      <c r="BA52" s="228"/>
      <c r="BB52" s="228"/>
      <c r="BC52" s="228"/>
      <c r="BD52" s="228"/>
      <c r="BE52" s="228"/>
      <c r="BF52" s="228"/>
      <c r="BG52" s="228"/>
      <c r="BH52" s="228"/>
      <c r="BI52" s="228"/>
      <c r="BJ52" s="228"/>
      <c r="BK52" s="228"/>
      <c r="BL52" s="228"/>
      <c r="BM52" s="228"/>
      <c r="BN52" s="228"/>
      <c r="BO52" s="228"/>
      <c r="BP52" s="228"/>
      <c r="BQ52" s="228"/>
      <c r="BR52" s="228"/>
      <c r="BS52" s="228"/>
      <c r="BT52" s="228"/>
      <c r="BU52" s="228"/>
      <c r="BV52" s="228"/>
      <c r="BW52" s="228"/>
      <c r="BX52" s="228"/>
      <c r="BY52" s="228"/>
      <c r="BZ52" s="228"/>
      <c r="CA52" s="228"/>
      <c r="CB52" s="228"/>
      <c r="CC52" s="228"/>
      <c r="CD52" s="228"/>
      <c r="CE52" s="228"/>
      <c r="CF52" s="228"/>
      <c r="CG52" s="229"/>
      <c r="CH52" s="230"/>
      <c r="CI52" s="215"/>
      <c r="CJ52" s="215"/>
      <c r="CK52" s="215"/>
      <c r="CL52" s="215"/>
      <c r="CM52" s="215"/>
      <c r="CN52" s="215"/>
      <c r="CO52" s="215"/>
      <c r="CP52" s="215"/>
      <c r="CQ52" s="215"/>
      <c r="CR52" s="215"/>
      <c r="CS52" s="215"/>
      <c r="CT52" s="215"/>
      <c r="CU52" s="215"/>
      <c r="CV52" s="215"/>
      <c r="CW52" s="215"/>
      <c r="CX52" s="215"/>
      <c r="CY52" s="215"/>
      <c r="CZ52" s="215"/>
      <c r="DA52" s="215"/>
      <c r="DB52" s="215"/>
      <c r="DC52" s="215"/>
      <c r="DD52" s="215"/>
      <c r="DE52" s="215"/>
      <c r="DF52" s="215"/>
      <c r="DG52" s="215"/>
      <c r="DH52" s="215"/>
      <c r="DI52" s="234"/>
      <c r="DJ52" s="234"/>
      <c r="DK52" s="234"/>
      <c r="DL52" s="234"/>
      <c r="DM52" s="234"/>
      <c r="DN52" s="234"/>
      <c r="DO52" s="234"/>
      <c r="DP52" s="234"/>
      <c r="DQ52" s="234"/>
      <c r="DR52" s="234"/>
      <c r="DS52" s="234"/>
      <c r="DT52" s="234"/>
      <c r="DU52" s="235"/>
      <c r="DV52" s="235"/>
      <c r="DW52" s="235"/>
      <c r="DX52" s="235"/>
      <c r="DY52" s="235"/>
      <c r="DZ52" s="235"/>
      <c r="EA52" s="235"/>
      <c r="EB52" s="235"/>
      <c r="EC52" s="235"/>
      <c r="ED52" s="235"/>
      <c r="EE52" s="235"/>
      <c r="EF52" s="235"/>
      <c r="EG52" s="239"/>
      <c r="EH52" s="240"/>
      <c r="EI52" s="240"/>
      <c r="EJ52" s="240"/>
      <c r="EK52" s="240"/>
      <c r="EL52" s="240"/>
      <c r="EM52" s="240"/>
      <c r="EN52" s="240"/>
      <c r="EO52" s="240"/>
      <c r="EP52" s="240"/>
      <c r="EQ52" s="240"/>
      <c r="ER52" s="240"/>
      <c r="ES52" s="240"/>
      <c r="ET52" s="240"/>
      <c r="EU52" s="241"/>
      <c r="EV52" s="239"/>
      <c r="EW52" s="240"/>
      <c r="EX52" s="240"/>
      <c r="EY52" s="240"/>
      <c r="EZ52" s="240"/>
      <c r="FA52" s="240"/>
      <c r="FB52" s="240"/>
      <c r="FC52" s="240"/>
      <c r="FD52" s="240"/>
      <c r="FE52" s="240"/>
      <c r="FF52" s="240"/>
      <c r="FG52" s="240"/>
      <c r="FH52" s="240"/>
      <c r="FI52" s="240"/>
      <c r="FJ52" s="240"/>
      <c r="FK52" s="240"/>
      <c r="FL52" s="240"/>
      <c r="FM52" s="241"/>
      <c r="FN52" s="215"/>
      <c r="FO52" s="215"/>
      <c r="FP52" s="215"/>
      <c r="FQ52" s="215"/>
      <c r="FR52" s="215"/>
      <c r="FS52" s="215"/>
      <c r="FT52" s="215"/>
      <c r="FU52" s="215"/>
      <c r="FV52" s="215"/>
      <c r="FW52" s="215"/>
      <c r="FX52" s="215"/>
      <c r="FY52" s="215"/>
      <c r="FZ52" s="215"/>
      <c r="GA52" s="215"/>
      <c r="GB52" s="215"/>
      <c r="GC52" s="215"/>
      <c r="GD52" s="215"/>
      <c r="GE52" s="215"/>
      <c r="GF52" s="215"/>
      <c r="GG52" s="215"/>
      <c r="GH52" s="215"/>
      <c r="GI52" s="215"/>
      <c r="GJ52" s="215"/>
      <c r="GK52" s="215"/>
      <c r="GL52" s="215"/>
      <c r="GM52" s="215"/>
      <c r="GN52" s="215"/>
      <c r="GO52" s="215"/>
      <c r="GP52" s="416"/>
      <c r="GQ52" s="417"/>
      <c r="GR52" s="417"/>
      <c r="GS52" s="417"/>
      <c r="GT52" s="417"/>
      <c r="GU52" s="417"/>
      <c r="GV52" s="417"/>
      <c r="GW52" s="417"/>
      <c r="GX52" s="417"/>
      <c r="GY52" s="417"/>
      <c r="GZ52" s="417"/>
      <c r="HA52" s="417"/>
      <c r="HB52" s="417"/>
      <c r="HC52" s="417"/>
      <c r="HD52" s="417"/>
      <c r="HE52" s="417"/>
      <c r="HF52" s="417"/>
      <c r="HG52" s="417"/>
      <c r="HH52" s="417"/>
      <c r="HI52" s="417"/>
      <c r="HJ52" s="417"/>
      <c r="HK52" s="417"/>
      <c r="HL52" s="417"/>
      <c r="HM52" s="417"/>
      <c r="HN52" s="417"/>
      <c r="HO52" s="417"/>
      <c r="HP52" s="417"/>
      <c r="HQ52" s="418"/>
    </row>
    <row r="53" spans="2:225" ht="6" customHeight="1">
      <c r="B53" s="225"/>
      <c r="C53" s="225"/>
      <c r="D53" s="225"/>
      <c r="E53" s="225"/>
      <c r="F53" s="225"/>
      <c r="G53" s="225"/>
      <c r="H53" s="225"/>
      <c r="I53" s="225"/>
      <c r="J53" s="225"/>
      <c r="K53" s="225"/>
      <c r="L53" s="225"/>
      <c r="M53" s="225"/>
      <c r="N53" s="225"/>
      <c r="O53" s="225"/>
      <c r="P53" s="226"/>
      <c r="Q53" s="227"/>
      <c r="R53" s="228"/>
      <c r="S53" s="228"/>
      <c r="T53" s="228"/>
      <c r="U53" s="228"/>
      <c r="V53" s="228"/>
      <c r="W53" s="228"/>
      <c r="X53" s="228"/>
      <c r="Y53" s="228"/>
      <c r="Z53" s="228"/>
      <c r="AA53" s="228"/>
      <c r="AB53" s="228"/>
      <c r="AC53" s="228"/>
      <c r="AD53" s="228"/>
      <c r="AE53" s="228"/>
      <c r="AF53" s="228"/>
      <c r="AG53" s="228"/>
      <c r="AH53" s="228"/>
      <c r="AI53" s="228"/>
      <c r="AJ53" s="228"/>
      <c r="AK53" s="228"/>
      <c r="AL53" s="228"/>
      <c r="AM53" s="228"/>
      <c r="AN53" s="228"/>
      <c r="AO53" s="228"/>
      <c r="AP53" s="228"/>
      <c r="AQ53" s="228"/>
      <c r="AR53" s="228"/>
      <c r="AS53" s="228"/>
      <c r="AT53" s="228"/>
      <c r="AU53" s="228"/>
      <c r="AV53" s="228"/>
      <c r="AW53" s="228"/>
      <c r="AX53" s="228"/>
      <c r="AY53" s="228"/>
      <c r="AZ53" s="228"/>
      <c r="BA53" s="228"/>
      <c r="BB53" s="228"/>
      <c r="BC53" s="228"/>
      <c r="BD53" s="228"/>
      <c r="BE53" s="228"/>
      <c r="BF53" s="228"/>
      <c r="BG53" s="228"/>
      <c r="BH53" s="228"/>
      <c r="BI53" s="228"/>
      <c r="BJ53" s="228"/>
      <c r="BK53" s="228"/>
      <c r="BL53" s="228"/>
      <c r="BM53" s="228"/>
      <c r="BN53" s="228"/>
      <c r="BO53" s="228"/>
      <c r="BP53" s="228"/>
      <c r="BQ53" s="228"/>
      <c r="BR53" s="228"/>
      <c r="BS53" s="228"/>
      <c r="BT53" s="228"/>
      <c r="BU53" s="228"/>
      <c r="BV53" s="228"/>
      <c r="BW53" s="228"/>
      <c r="BX53" s="228"/>
      <c r="BY53" s="228"/>
      <c r="BZ53" s="228"/>
      <c r="CA53" s="228"/>
      <c r="CB53" s="228"/>
      <c r="CC53" s="228"/>
      <c r="CD53" s="228"/>
      <c r="CE53" s="228"/>
      <c r="CF53" s="228"/>
      <c r="CG53" s="229"/>
      <c r="CH53" s="230"/>
      <c r="CI53" s="215"/>
      <c r="CJ53" s="215"/>
      <c r="CK53" s="215"/>
      <c r="CL53" s="215"/>
      <c r="CM53" s="215"/>
      <c r="CN53" s="215"/>
      <c r="CO53" s="215"/>
      <c r="CP53" s="215"/>
      <c r="CQ53" s="215"/>
      <c r="CR53" s="215"/>
      <c r="CS53" s="215"/>
      <c r="CT53" s="215"/>
      <c r="CU53" s="215"/>
      <c r="CV53" s="215"/>
      <c r="CW53" s="215"/>
      <c r="CX53" s="215"/>
      <c r="CY53" s="215"/>
      <c r="CZ53" s="215"/>
      <c r="DA53" s="215"/>
      <c r="DB53" s="215"/>
      <c r="DC53" s="215"/>
      <c r="DD53" s="215"/>
      <c r="DE53" s="215"/>
      <c r="DF53" s="215"/>
      <c r="DG53" s="215"/>
      <c r="DH53" s="215"/>
      <c r="DI53" s="234"/>
      <c r="DJ53" s="234"/>
      <c r="DK53" s="234"/>
      <c r="DL53" s="234"/>
      <c r="DM53" s="234"/>
      <c r="DN53" s="234"/>
      <c r="DO53" s="234"/>
      <c r="DP53" s="234"/>
      <c r="DQ53" s="234"/>
      <c r="DR53" s="234"/>
      <c r="DS53" s="234"/>
      <c r="DT53" s="234"/>
      <c r="DU53" s="235"/>
      <c r="DV53" s="235"/>
      <c r="DW53" s="235"/>
      <c r="DX53" s="235"/>
      <c r="DY53" s="235"/>
      <c r="DZ53" s="235"/>
      <c r="EA53" s="235"/>
      <c r="EB53" s="235"/>
      <c r="EC53" s="235"/>
      <c r="ED53" s="235"/>
      <c r="EE53" s="235"/>
      <c r="EF53" s="235"/>
      <c r="EG53" s="239"/>
      <c r="EH53" s="240"/>
      <c r="EI53" s="240"/>
      <c r="EJ53" s="240"/>
      <c r="EK53" s="240"/>
      <c r="EL53" s="240"/>
      <c r="EM53" s="240"/>
      <c r="EN53" s="240"/>
      <c r="EO53" s="240"/>
      <c r="EP53" s="240"/>
      <c r="EQ53" s="240"/>
      <c r="ER53" s="240"/>
      <c r="ES53" s="240"/>
      <c r="ET53" s="240"/>
      <c r="EU53" s="241"/>
      <c r="EV53" s="239"/>
      <c r="EW53" s="240"/>
      <c r="EX53" s="240"/>
      <c r="EY53" s="240"/>
      <c r="EZ53" s="240"/>
      <c r="FA53" s="240"/>
      <c r="FB53" s="240"/>
      <c r="FC53" s="240"/>
      <c r="FD53" s="240"/>
      <c r="FE53" s="240"/>
      <c r="FF53" s="240"/>
      <c r="FG53" s="240"/>
      <c r="FH53" s="240"/>
      <c r="FI53" s="240"/>
      <c r="FJ53" s="240"/>
      <c r="FK53" s="240"/>
      <c r="FL53" s="240"/>
      <c r="FM53" s="241"/>
      <c r="FN53" s="215"/>
      <c r="FO53" s="215"/>
      <c r="FP53" s="215"/>
      <c r="FQ53" s="215"/>
      <c r="FR53" s="215"/>
      <c r="FS53" s="215"/>
      <c r="FT53" s="215"/>
      <c r="FU53" s="215"/>
      <c r="FV53" s="215"/>
      <c r="FW53" s="215"/>
      <c r="FX53" s="215"/>
      <c r="FY53" s="215"/>
      <c r="FZ53" s="215"/>
      <c r="GA53" s="215"/>
      <c r="GB53" s="215"/>
      <c r="GC53" s="215"/>
      <c r="GD53" s="215"/>
      <c r="GE53" s="215"/>
      <c r="GF53" s="215"/>
      <c r="GG53" s="215"/>
      <c r="GH53" s="215"/>
      <c r="GI53" s="215"/>
      <c r="GJ53" s="215"/>
      <c r="GK53" s="215"/>
      <c r="GL53" s="215"/>
      <c r="GM53" s="215"/>
      <c r="GN53" s="215"/>
      <c r="GO53" s="215"/>
      <c r="GP53" s="416"/>
      <c r="GQ53" s="417"/>
      <c r="GR53" s="417"/>
      <c r="GS53" s="417"/>
      <c r="GT53" s="417"/>
      <c r="GU53" s="417"/>
      <c r="GV53" s="417"/>
      <c r="GW53" s="417"/>
      <c r="GX53" s="417"/>
      <c r="GY53" s="417"/>
      <c r="GZ53" s="417"/>
      <c r="HA53" s="417"/>
      <c r="HB53" s="417"/>
      <c r="HC53" s="417"/>
      <c r="HD53" s="417"/>
      <c r="HE53" s="417"/>
      <c r="HF53" s="417"/>
      <c r="HG53" s="417"/>
      <c r="HH53" s="417"/>
      <c r="HI53" s="417"/>
      <c r="HJ53" s="417"/>
      <c r="HK53" s="417"/>
      <c r="HL53" s="417"/>
      <c r="HM53" s="417"/>
      <c r="HN53" s="417"/>
      <c r="HO53" s="417"/>
      <c r="HP53" s="417"/>
      <c r="HQ53" s="418"/>
    </row>
    <row r="54" spans="2:225" ht="6" customHeight="1">
      <c r="B54" s="225"/>
      <c r="C54" s="225"/>
      <c r="D54" s="225"/>
      <c r="E54" s="225"/>
      <c r="F54" s="225"/>
      <c r="G54" s="225"/>
      <c r="H54" s="225"/>
      <c r="I54" s="225"/>
      <c r="J54" s="225"/>
      <c r="K54" s="225"/>
      <c r="L54" s="225"/>
      <c r="M54" s="225"/>
      <c r="N54" s="225"/>
      <c r="O54" s="225"/>
      <c r="P54" s="226"/>
      <c r="Q54" s="227"/>
      <c r="R54" s="228"/>
      <c r="S54" s="228"/>
      <c r="T54" s="228"/>
      <c r="U54" s="228"/>
      <c r="V54" s="228"/>
      <c r="W54" s="228"/>
      <c r="X54" s="228"/>
      <c r="Y54" s="228"/>
      <c r="Z54" s="228"/>
      <c r="AA54" s="228"/>
      <c r="AB54" s="228"/>
      <c r="AC54" s="228"/>
      <c r="AD54" s="228"/>
      <c r="AE54" s="228"/>
      <c r="AF54" s="228"/>
      <c r="AG54" s="228"/>
      <c r="AH54" s="228"/>
      <c r="AI54" s="228"/>
      <c r="AJ54" s="228"/>
      <c r="AK54" s="228"/>
      <c r="AL54" s="228"/>
      <c r="AM54" s="228"/>
      <c r="AN54" s="228"/>
      <c r="AO54" s="228"/>
      <c r="AP54" s="228"/>
      <c r="AQ54" s="228"/>
      <c r="AR54" s="228"/>
      <c r="AS54" s="228"/>
      <c r="AT54" s="228"/>
      <c r="AU54" s="228"/>
      <c r="AV54" s="228"/>
      <c r="AW54" s="228"/>
      <c r="AX54" s="228"/>
      <c r="AY54" s="228"/>
      <c r="AZ54" s="228"/>
      <c r="BA54" s="228"/>
      <c r="BB54" s="228"/>
      <c r="BC54" s="228"/>
      <c r="BD54" s="228"/>
      <c r="BE54" s="228"/>
      <c r="BF54" s="228"/>
      <c r="BG54" s="228"/>
      <c r="BH54" s="228"/>
      <c r="BI54" s="228"/>
      <c r="BJ54" s="228"/>
      <c r="BK54" s="228"/>
      <c r="BL54" s="228"/>
      <c r="BM54" s="228"/>
      <c r="BN54" s="228"/>
      <c r="BO54" s="228"/>
      <c r="BP54" s="228"/>
      <c r="BQ54" s="228"/>
      <c r="BR54" s="228"/>
      <c r="BS54" s="228"/>
      <c r="BT54" s="228"/>
      <c r="BU54" s="228"/>
      <c r="BV54" s="228"/>
      <c r="BW54" s="228"/>
      <c r="BX54" s="228"/>
      <c r="BY54" s="228"/>
      <c r="BZ54" s="228"/>
      <c r="CA54" s="228"/>
      <c r="CB54" s="228"/>
      <c r="CC54" s="228"/>
      <c r="CD54" s="228"/>
      <c r="CE54" s="228"/>
      <c r="CF54" s="228"/>
      <c r="CG54" s="229"/>
      <c r="CH54" s="230"/>
      <c r="CI54" s="215"/>
      <c r="CJ54" s="215"/>
      <c r="CK54" s="215"/>
      <c r="CL54" s="215"/>
      <c r="CM54" s="215"/>
      <c r="CN54" s="215"/>
      <c r="CO54" s="215"/>
      <c r="CP54" s="215"/>
      <c r="CQ54" s="215"/>
      <c r="CR54" s="215"/>
      <c r="CS54" s="215"/>
      <c r="CT54" s="215"/>
      <c r="CU54" s="215"/>
      <c r="CV54" s="215"/>
      <c r="CW54" s="215"/>
      <c r="CX54" s="215"/>
      <c r="CY54" s="215"/>
      <c r="CZ54" s="215"/>
      <c r="DA54" s="215"/>
      <c r="DB54" s="215"/>
      <c r="DC54" s="215"/>
      <c r="DD54" s="215"/>
      <c r="DE54" s="215"/>
      <c r="DF54" s="215"/>
      <c r="DG54" s="215"/>
      <c r="DH54" s="215"/>
      <c r="DI54" s="234"/>
      <c r="DJ54" s="234"/>
      <c r="DK54" s="234"/>
      <c r="DL54" s="234"/>
      <c r="DM54" s="234"/>
      <c r="DN54" s="234"/>
      <c r="DO54" s="234"/>
      <c r="DP54" s="234"/>
      <c r="DQ54" s="234"/>
      <c r="DR54" s="234"/>
      <c r="DS54" s="234"/>
      <c r="DT54" s="234"/>
      <c r="DU54" s="235"/>
      <c r="DV54" s="235"/>
      <c r="DW54" s="235"/>
      <c r="DX54" s="235"/>
      <c r="DY54" s="235"/>
      <c r="DZ54" s="235"/>
      <c r="EA54" s="235"/>
      <c r="EB54" s="235"/>
      <c r="EC54" s="235"/>
      <c r="ED54" s="235"/>
      <c r="EE54" s="235"/>
      <c r="EF54" s="235"/>
      <c r="EG54" s="242"/>
      <c r="EH54" s="243"/>
      <c r="EI54" s="243"/>
      <c r="EJ54" s="243"/>
      <c r="EK54" s="243"/>
      <c r="EL54" s="243"/>
      <c r="EM54" s="243"/>
      <c r="EN54" s="243"/>
      <c r="EO54" s="243"/>
      <c r="EP54" s="243"/>
      <c r="EQ54" s="243"/>
      <c r="ER54" s="243"/>
      <c r="ES54" s="243"/>
      <c r="ET54" s="243"/>
      <c r="EU54" s="244"/>
      <c r="EV54" s="242"/>
      <c r="EW54" s="243"/>
      <c r="EX54" s="243"/>
      <c r="EY54" s="243"/>
      <c r="EZ54" s="243"/>
      <c r="FA54" s="243"/>
      <c r="FB54" s="243"/>
      <c r="FC54" s="243"/>
      <c r="FD54" s="243"/>
      <c r="FE54" s="243"/>
      <c r="FF54" s="243"/>
      <c r="FG54" s="243"/>
      <c r="FH54" s="243"/>
      <c r="FI54" s="243"/>
      <c r="FJ54" s="243"/>
      <c r="FK54" s="243"/>
      <c r="FL54" s="243"/>
      <c r="FM54" s="244"/>
      <c r="FN54" s="215"/>
      <c r="FO54" s="215"/>
      <c r="FP54" s="215"/>
      <c r="FQ54" s="215"/>
      <c r="FR54" s="215"/>
      <c r="FS54" s="215"/>
      <c r="FT54" s="215"/>
      <c r="FU54" s="215"/>
      <c r="FV54" s="215"/>
      <c r="FW54" s="215"/>
      <c r="FX54" s="215"/>
      <c r="FY54" s="215"/>
      <c r="FZ54" s="215"/>
      <c r="GA54" s="215"/>
      <c r="GB54" s="215"/>
      <c r="GC54" s="215"/>
      <c r="GD54" s="215"/>
      <c r="GE54" s="215"/>
      <c r="GF54" s="215"/>
      <c r="GG54" s="215"/>
      <c r="GH54" s="215"/>
      <c r="GI54" s="215"/>
      <c r="GJ54" s="215"/>
      <c r="GK54" s="215"/>
      <c r="GL54" s="215"/>
      <c r="GM54" s="215"/>
      <c r="GN54" s="215"/>
      <c r="GO54" s="215"/>
      <c r="GP54" s="419"/>
      <c r="GQ54" s="420"/>
      <c r="GR54" s="420"/>
      <c r="GS54" s="420"/>
      <c r="GT54" s="420"/>
      <c r="GU54" s="420"/>
      <c r="GV54" s="420"/>
      <c r="GW54" s="420"/>
      <c r="GX54" s="420"/>
      <c r="GY54" s="420"/>
      <c r="GZ54" s="420"/>
      <c r="HA54" s="420"/>
      <c r="HB54" s="420"/>
      <c r="HC54" s="420"/>
      <c r="HD54" s="420"/>
      <c r="HE54" s="420"/>
      <c r="HF54" s="420"/>
      <c r="HG54" s="420"/>
      <c r="HH54" s="420"/>
      <c r="HI54" s="420"/>
      <c r="HJ54" s="420"/>
      <c r="HK54" s="420"/>
      <c r="HL54" s="420"/>
      <c r="HM54" s="420"/>
      <c r="HN54" s="420"/>
      <c r="HO54" s="420"/>
      <c r="HP54" s="420"/>
      <c r="HQ54" s="421"/>
    </row>
    <row r="55" spans="2:225" ht="6" customHeight="1">
      <c r="B55" s="225"/>
      <c r="C55" s="225"/>
      <c r="D55" s="225"/>
      <c r="E55" s="225"/>
      <c r="F55" s="225"/>
      <c r="G55" s="225"/>
      <c r="H55" s="225"/>
      <c r="I55" s="225"/>
      <c r="J55" s="225"/>
      <c r="K55" s="225"/>
      <c r="L55" s="225"/>
      <c r="M55" s="225"/>
      <c r="N55" s="225"/>
      <c r="O55" s="225"/>
      <c r="P55" s="226"/>
      <c r="Q55" s="227"/>
      <c r="R55" s="228"/>
      <c r="S55" s="228"/>
      <c r="T55" s="228"/>
      <c r="U55" s="228"/>
      <c r="V55" s="228"/>
      <c r="W55" s="228"/>
      <c r="X55" s="228"/>
      <c r="Y55" s="228"/>
      <c r="Z55" s="228"/>
      <c r="AA55" s="228"/>
      <c r="AB55" s="228"/>
      <c r="AC55" s="228"/>
      <c r="AD55" s="228"/>
      <c r="AE55" s="228"/>
      <c r="AF55" s="228"/>
      <c r="AG55" s="228"/>
      <c r="AH55" s="228"/>
      <c r="AI55" s="228"/>
      <c r="AJ55" s="228"/>
      <c r="AK55" s="228"/>
      <c r="AL55" s="228"/>
      <c r="AM55" s="228"/>
      <c r="AN55" s="228"/>
      <c r="AO55" s="228"/>
      <c r="AP55" s="228"/>
      <c r="AQ55" s="228"/>
      <c r="AR55" s="228"/>
      <c r="AS55" s="228"/>
      <c r="AT55" s="228"/>
      <c r="AU55" s="228"/>
      <c r="AV55" s="228"/>
      <c r="AW55" s="228"/>
      <c r="AX55" s="228"/>
      <c r="AY55" s="228"/>
      <c r="AZ55" s="228"/>
      <c r="BA55" s="228"/>
      <c r="BB55" s="228"/>
      <c r="BC55" s="228"/>
      <c r="BD55" s="228"/>
      <c r="BE55" s="228"/>
      <c r="BF55" s="228"/>
      <c r="BG55" s="228"/>
      <c r="BH55" s="228"/>
      <c r="BI55" s="228"/>
      <c r="BJ55" s="228"/>
      <c r="BK55" s="228"/>
      <c r="BL55" s="228"/>
      <c r="BM55" s="228"/>
      <c r="BN55" s="228"/>
      <c r="BO55" s="228"/>
      <c r="BP55" s="228"/>
      <c r="BQ55" s="228"/>
      <c r="BR55" s="228"/>
      <c r="BS55" s="228"/>
      <c r="BT55" s="228"/>
      <c r="BU55" s="228"/>
      <c r="BV55" s="228"/>
      <c r="BW55" s="228"/>
      <c r="BX55" s="228"/>
      <c r="BY55" s="228"/>
      <c r="BZ55" s="228"/>
      <c r="CA55" s="228"/>
      <c r="CB55" s="228"/>
      <c r="CC55" s="228"/>
      <c r="CD55" s="228"/>
      <c r="CE55" s="228"/>
      <c r="CF55" s="228"/>
      <c r="CG55" s="229"/>
      <c r="CH55" s="230"/>
      <c r="CI55" s="215"/>
      <c r="CJ55" s="215"/>
      <c r="CK55" s="215"/>
      <c r="CL55" s="215"/>
      <c r="CM55" s="215"/>
      <c r="CN55" s="215"/>
      <c r="CO55" s="215"/>
      <c r="CP55" s="215"/>
      <c r="CQ55" s="215"/>
      <c r="CR55" s="215"/>
      <c r="CS55" s="215"/>
      <c r="CT55" s="215"/>
      <c r="CU55" s="215"/>
      <c r="CV55" s="215"/>
      <c r="CW55" s="215"/>
      <c r="CX55" s="215"/>
      <c r="CY55" s="215"/>
      <c r="CZ55" s="215"/>
      <c r="DA55" s="215"/>
      <c r="DB55" s="215"/>
      <c r="DC55" s="215"/>
      <c r="DD55" s="215"/>
      <c r="DE55" s="215"/>
      <c r="DF55" s="215"/>
      <c r="DG55" s="215"/>
      <c r="DH55" s="215"/>
      <c r="DI55" s="234"/>
      <c r="DJ55" s="234"/>
      <c r="DK55" s="234"/>
      <c r="DL55" s="234"/>
      <c r="DM55" s="234"/>
      <c r="DN55" s="234"/>
      <c r="DO55" s="234"/>
      <c r="DP55" s="234"/>
      <c r="DQ55" s="234"/>
      <c r="DR55" s="234"/>
      <c r="DS55" s="234"/>
      <c r="DT55" s="234"/>
      <c r="DU55" s="235"/>
      <c r="DV55" s="235"/>
      <c r="DW55" s="235"/>
      <c r="DX55" s="235"/>
      <c r="DY55" s="235"/>
      <c r="DZ55" s="235"/>
      <c r="EA55" s="235"/>
      <c r="EB55" s="235"/>
      <c r="EC55" s="235"/>
      <c r="ED55" s="235"/>
      <c r="EE55" s="235"/>
      <c r="EF55" s="235"/>
      <c r="EG55" s="236"/>
      <c r="EH55" s="237"/>
      <c r="EI55" s="237"/>
      <c r="EJ55" s="237"/>
      <c r="EK55" s="237"/>
      <c r="EL55" s="237"/>
      <c r="EM55" s="237"/>
      <c r="EN55" s="237"/>
      <c r="EO55" s="237"/>
      <c r="EP55" s="237"/>
      <c r="EQ55" s="237"/>
      <c r="ER55" s="237"/>
      <c r="ES55" s="237"/>
      <c r="ET55" s="237"/>
      <c r="EU55" s="238"/>
      <c r="EV55" s="236"/>
      <c r="EW55" s="237"/>
      <c r="EX55" s="237"/>
      <c r="EY55" s="237"/>
      <c r="EZ55" s="237"/>
      <c r="FA55" s="237"/>
      <c r="FB55" s="237"/>
      <c r="FC55" s="237"/>
      <c r="FD55" s="237"/>
      <c r="FE55" s="237"/>
      <c r="FF55" s="237"/>
      <c r="FG55" s="237"/>
      <c r="FH55" s="237"/>
      <c r="FI55" s="237"/>
      <c r="FJ55" s="237"/>
      <c r="FK55" s="237"/>
      <c r="FL55" s="237"/>
      <c r="FM55" s="238"/>
      <c r="FN55" s="215"/>
      <c r="FO55" s="215"/>
      <c r="FP55" s="215"/>
      <c r="FQ55" s="215"/>
      <c r="FR55" s="215"/>
      <c r="FS55" s="215"/>
      <c r="FT55" s="215"/>
      <c r="FU55" s="215"/>
      <c r="FV55" s="215"/>
      <c r="FW55" s="215"/>
      <c r="FX55" s="215"/>
      <c r="FY55" s="215"/>
      <c r="FZ55" s="215"/>
      <c r="GA55" s="215"/>
      <c r="GB55" s="215"/>
      <c r="GC55" s="215"/>
      <c r="GD55" s="215"/>
      <c r="GE55" s="215"/>
      <c r="GF55" s="215"/>
      <c r="GG55" s="215"/>
      <c r="GH55" s="215"/>
      <c r="GI55" s="215"/>
      <c r="GJ55" s="215"/>
      <c r="GK55" s="215"/>
      <c r="GL55" s="215"/>
      <c r="GM55" s="215"/>
      <c r="GN55" s="215"/>
      <c r="GO55" s="215"/>
      <c r="GP55" s="413"/>
      <c r="GQ55" s="414"/>
      <c r="GR55" s="414"/>
      <c r="GS55" s="414"/>
      <c r="GT55" s="414"/>
      <c r="GU55" s="414"/>
      <c r="GV55" s="414"/>
      <c r="GW55" s="414"/>
      <c r="GX55" s="414"/>
      <c r="GY55" s="414"/>
      <c r="GZ55" s="414"/>
      <c r="HA55" s="414"/>
      <c r="HB55" s="414"/>
      <c r="HC55" s="414"/>
      <c r="HD55" s="414"/>
      <c r="HE55" s="414"/>
      <c r="HF55" s="414"/>
      <c r="HG55" s="414"/>
      <c r="HH55" s="414"/>
      <c r="HI55" s="414"/>
      <c r="HJ55" s="414"/>
      <c r="HK55" s="414"/>
      <c r="HL55" s="414"/>
      <c r="HM55" s="414"/>
      <c r="HN55" s="414"/>
      <c r="HO55" s="414"/>
      <c r="HP55" s="414"/>
      <c r="HQ55" s="415"/>
    </row>
    <row r="56" spans="2:225" ht="6" customHeight="1">
      <c r="B56" s="225"/>
      <c r="C56" s="225"/>
      <c r="D56" s="225"/>
      <c r="E56" s="225"/>
      <c r="F56" s="225"/>
      <c r="G56" s="225"/>
      <c r="H56" s="225"/>
      <c r="I56" s="225"/>
      <c r="J56" s="225"/>
      <c r="K56" s="225"/>
      <c r="L56" s="225"/>
      <c r="M56" s="225"/>
      <c r="N56" s="225"/>
      <c r="O56" s="225"/>
      <c r="P56" s="226"/>
      <c r="Q56" s="227"/>
      <c r="R56" s="228"/>
      <c r="S56" s="228"/>
      <c r="T56" s="228"/>
      <c r="U56" s="228"/>
      <c r="V56" s="228"/>
      <c r="W56" s="228"/>
      <c r="X56" s="228"/>
      <c r="Y56" s="228"/>
      <c r="Z56" s="228"/>
      <c r="AA56" s="228"/>
      <c r="AB56" s="228"/>
      <c r="AC56" s="228"/>
      <c r="AD56" s="228"/>
      <c r="AE56" s="228"/>
      <c r="AF56" s="228"/>
      <c r="AG56" s="228"/>
      <c r="AH56" s="228"/>
      <c r="AI56" s="228"/>
      <c r="AJ56" s="228"/>
      <c r="AK56" s="228"/>
      <c r="AL56" s="228"/>
      <c r="AM56" s="228"/>
      <c r="AN56" s="228"/>
      <c r="AO56" s="228"/>
      <c r="AP56" s="228"/>
      <c r="AQ56" s="228"/>
      <c r="AR56" s="228"/>
      <c r="AS56" s="228"/>
      <c r="AT56" s="228"/>
      <c r="AU56" s="228"/>
      <c r="AV56" s="228"/>
      <c r="AW56" s="228"/>
      <c r="AX56" s="228"/>
      <c r="AY56" s="228"/>
      <c r="AZ56" s="228"/>
      <c r="BA56" s="228"/>
      <c r="BB56" s="228"/>
      <c r="BC56" s="228"/>
      <c r="BD56" s="228"/>
      <c r="BE56" s="228"/>
      <c r="BF56" s="228"/>
      <c r="BG56" s="228"/>
      <c r="BH56" s="228"/>
      <c r="BI56" s="228"/>
      <c r="BJ56" s="228"/>
      <c r="BK56" s="228"/>
      <c r="BL56" s="228"/>
      <c r="BM56" s="228"/>
      <c r="BN56" s="228"/>
      <c r="BO56" s="228"/>
      <c r="BP56" s="228"/>
      <c r="BQ56" s="228"/>
      <c r="BR56" s="228"/>
      <c r="BS56" s="228"/>
      <c r="BT56" s="228"/>
      <c r="BU56" s="228"/>
      <c r="BV56" s="228"/>
      <c r="BW56" s="228"/>
      <c r="BX56" s="228"/>
      <c r="BY56" s="228"/>
      <c r="BZ56" s="228"/>
      <c r="CA56" s="228"/>
      <c r="CB56" s="228"/>
      <c r="CC56" s="228"/>
      <c r="CD56" s="228"/>
      <c r="CE56" s="228"/>
      <c r="CF56" s="228"/>
      <c r="CG56" s="229"/>
      <c r="CH56" s="230"/>
      <c r="CI56" s="215"/>
      <c r="CJ56" s="215"/>
      <c r="CK56" s="215"/>
      <c r="CL56" s="215"/>
      <c r="CM56" s="215"/>
      <c r="CN56" s="215"/>
      <c r="CO56" s="215"/>
      <c r="CP56" s="215"/>
      <c r="CQ56" s="215"/>
      <c r="CR56" s="215"/>
      <c r="CS56" s="215"/>
      <c r="CT56" s="215"/>
      <c r="CU56" s="215"/>
      <c r="CV56" s="215"/>
      <c r="CW56" s="215"/>
      <c r="CX56" s="215"/>
      <c r="CY56" s="215"/>
      <c r="CZ56" s="215"/>
      <c r="DA56" s="215"/>
      <c r="DB56" s="215"/>
      <c r="DC56" s="215"/>
      <c r="DD56" s="215"/>
      <c r="DE56" s="215"/>
      <c r="DF56" s="215"/>
      <c r="DG56" s="215"/>
      <c r="DH56" s="215"/>
      <c r="DI56" s="234"/>
      <c r="DJ56" s="234"/>
      <c r="DK56" s="234"/>
      <c r="DL56" s="234"/>
      <c r="DM56" s="234"/>
      <c r="DN56" s="234"/>
      <c r="DO56" s="234"/>
      <c r="DP56" s="234"/>
      <c r="DQ56" s="234"/>
      <c r="DR56" s="234"/>
      <c r="DS56" s="234"/>
      <c r="DT56" s="234"/>
      <c r="DU56" s="235"/>
      <c r="DV56" s="235"/>
      <c r="DW56" s="235"/>
      <c r="DX56" s="235"/>
      <c r="DY56" s="235"/>
      <c r="DZ56" s="235"/>
      <c r="EA56" s="235"/>
      <c r="EB56" s="235"/>
      <c r="EC56" s="235"/>
      <c r="ED56" s="235"/>
      <c r="EE56" s="235"/>
      <c r="EF56" s="235"/>
      <c r="EG56" s="239"/>
      <c r="EH56" s="240"/>
      <c r="EI56" s="240"/>
      <c r="EJ56" s="240"/>
      <c r="EK56" s="240"/>
      <c r="EL56" s="240"/>
      <c r="EM56" s="240"/>
      <c r="EN56" s="240"/>
      <c r="EO56" s="240"/>
      <c r="EP56" s="240"/>
      <c r="EQ56" s="240"/>
      <c r="ER56" s="240"/>
      <c r="ES56" s="240"/>
      <c r="ET56" s="240"/>
      <c r="EU56" s="241"/>
      <c r="EV56" s="239"/>
      <c r="EW56" s="240"/>
      <c r="EX56" s="240"/>
      <c r="EY56" s="240"/>
      <c r="EZ56" s="240"/>
      <c r="FA56" s="240"/>
      <c r="FB56" s="240"/>
      <c r="FC56" s="240"/>
      <c r="FD56" s="240"/>
      <c r="FE56" s="240"/>
      <c r="FF56" s="240"/>
      <c r="FG56" s="240"/>
      <c r="FH56" s="240"/>
      <c r="FI56" s="240"/>
      <c r="FJ56" s="240"/>
      <c r="FK56" s="240"/>
      <c r="FL56" s="240"/>
      <c r="FM56" s="241"/>
      <c r="FN56" s="215"/>
      <c r="FO56" s="215"/>
      <c r="FP56" s="215"/>
      <c r="FQ56" s="215"/>
      <c r="FR56" s="215"/>
      <c r="FS56" s="215"/>
      <c r="FT56" s="215"/>
      <c r="FU56" s="215"/>
      <c r="FV56" s="215"/>
      <c r="FW56" s="215"/>
      <c r="FX56" s="215"/>
      <c r="FY56" s="215"/>
      <c r="FZ56" s="215"/>
      <c r="GA56" s="215"/>
      <c r="GB56" s="215"/>
      <c r="GC56" s="215"/>
      <c r="GD56" s="215"/>
      <c r="GE56" s="215"/>
      <c r="GF56" s="215"/>
      <c r="GG56" s="215"/>
      <c r="GH56" s="215"/>
      <c r="GI56" s="215"/>
      <c r="GJ56" s="215"/>
      <c r="GK56" s="215"/>
      <c r="GL56" s="215"/>
      <c r="GM56" s="215"/>
      <c r="GN56" s="215"/>
      <c r="GO56" s="215"/>
      <c r="GP56" s="416"/>
      <c r="GQ56" s="417"/>
      <c r="GR56" s="417"/>
      <c r="GS56" s="417"/>
      <c r="GT56" s="417"/>
      <c r="GU56" s="417"/>
      <c r="GV56" s="417"/>
      <c r="GW56" s="417"/>
      <c r="GX56" s="417"/>
      <c r="GY56" s="417"/>
      <c r="GZ56" s="417"/>
      <c r="HA56" s="417"/>
      <c r="HB56" s="417"/>
      <c r="HC56" s="417"/>
      <c r="HD56" s="417"/>
      <c r="HE56" s="417"/>
      <c r="HF56" s="417"/>
      <c r="HG56" s="417"/>
      <c r="HH56" s="417"/>
      <c r="HI56" s="417"/>
      <c r="HJ56" s="417"/>
      <c r="HK56" s="417"/>
      <c r="HL56" s="417"/>
      <c r="HM56" s="417"/>
      <c r="HN56" s="417"/>
      <c r="HO56" s="417"/>
      <c r="HP56" s="417"/>
      <c r="HQ56" s="418"/>
    </row>
    <row r="57" spans="2:225" ht="6" customHeight="1">
      <c r="B57" s="225"/>
      <c r="C57" s="225"/>
      <c r="D57" s="225"/>
      <c r="E57" s="225"/>
      <c r="F57" s="225"/>
      <c r="G57" s="225"/>
      <c r="H57" s="225"/>
      <c r="I57" s="225"/>
      <c r="J57" s="225"/>
      <c r="K57" s="225"/>
      <c r="L57" s="225"/>
      <c r="M57" s="225"/>
      <c r="N57" s="225"/>
      <c r="O57" s="225"/>
      <c r="P57" s="226"/>
      <c r="Q57" s="227"/>
      <c r="R57" s="228"/>
      <c r="S57" s="228"/>
      <c r="T57" s="228"/>
      <c r="U57" s="228"/>
      <c r="V57" s="228"/>
      <c r="W57" s="228"/>
      <c r="X57" s="228"/>
      <c r="Y57" s="228"/>
      <c r="Z57" s="228"/>
      <c r="AA57" s="228"/>
      <c r="AB57" s="228"/>
      <c r="AC57" s="228"/>
      <c r="AD57" s="228"/>
      <c r="AE57" s="228"/>
      <c r="AF57" s="228"/>
      <c r="AG57" s="228"/>
      <c r="AH57" s="228"/>
      <c r="AI57" s="228"/>
      <c r="AJ57" s="228"/>
      <c r="AK57" s="228"/>
      <c r="AL57" s="228"/>
      <c r="AM57" s="228"/>
      <c r="AN57" s="228"/>
      <c r="AO57" s="228"/>
      <c r="AP57" s="228"/>
      <c r="AQ57" s="228"/>
      <c r="AR57" s="228"/>
      <c r="AS57" s="228"/>
      <c r="AT57" s="228"/>
      <c r="AU57" s="228"/>
      <c r="AV57" s="228"/>
      <c r="AW57" s="228"/>
      <c r="AX57" s="228"/>
      <c r="AY57" s="228"/>
      <c r="AZ57" s="228"/>
      <c r="BA57" s="228"/>
      <c r="BB57" s="228"/>
      <c r="BC57" s="228"/>
      <c r="BD57" s="228"/>
      <c r="BE57" s="228"/>
      <c r="BF57" s="228"/>
      <c r="BG57" s="228"/>
      <c r="BH57" s="228"/>
      <c r="BI57" s="228"/>
      <c r="BJ57" s="228"/>
      <c r="BK57" s="228"/>
      <c r="BL57" s="228"/>
      <c r="BM57" s="228"/>
      <c r="BN57" s="228"/>
      <c r="BO57" s="228"/>
      <c r="BP57" s="228"/>
      <c r="BQ57" s="228"/>
      <c r="BR57" s="228"/>
      <c r="BS57" s="228"/>
      <c r="BT57" s="228"/>
      <c r="BU57" s="228"/>
      <c r="BV57" s="228"/>
      <c r="BW57" s="228"/>
      <c r="BX57" s="228"/>
      <c r="BY57" s="228"/>
      <c r="BZ57" s="228"/>
      <c r="CA57" s="228"/>
      <c r="CB57" s="228"/>
      <c r="CC57" s="228"/>
      <c r="CD57" s="228"/>
      <c r="CE57" s="228"/>
      <c r="CF57" s="228"/>
      <c r="CG57" s="229"/>
      <c r="CH57" s="230"/>
      <c r="CI57" s="215"/>
      <c r="CJ57" s="215"/>
      <c r="CK57" s="215"/>
      <c r="CL57" s="215"/>
      <c r="CM57" s="215"/>
      <c r="CN57" s="215"/>
      <c r="CO57" s="215"/>
      <c r="CP57" s="215"/>
      <c r="CQ57" s="215"/>
      <c r="CR57" s="215"/>
      <c r="CS57" s="215"/>
      <c r="CT57" s="215"/>
      <c r="CU57" s="215"/>
      <c r="CV57" s="215"/>
      <c r="CW57" s="215"/>
      <c r="CX57" s="215"/>
      <c r="CY57" s="215"/>
      <c r="CZ57" s="215"/>
      <c r="DA57" s="215"/>
      <c r="DB57" s="215"/>
      <c r="DC57" s="215"/>
      <c r="DD57" s="215"/>
      <c r="DE57" s="215"/>
      <c r="DF57" s="215"/>
      <c r="DG57" s="215"/>
      <c r="DH57" s="215"/>
      <c r="DI57" s="234"/>
      <c r="DJ57" s="234"/>
      <c r="DK57" s="234"/>
      <c r="DL57" s="234"/>
      <c r="DM57" s="234"/>
      <c r="DN57" s="234"/>
      <c r="DO57" s="234"/>
      <c r="DP57" s="234"/>
      <c r="DQ57" s="234"/>
      <c r="DR57" s="234"/>
      <c r="DS57" s="234"/>
      <c r="DT57" s="234"/>
      <c r="DU57" s="235"/>
      <c r="DV57" s="235"/>
      <c r="DW57" s="235"/>
      <c r="DX57" s="235"/>
      <c r="DY57" s="235"/>
      <c r="DZ57" s="235"/>
      <c r="EA57" s="235"/>
      <c r="EB57" s="235"/>
      <c r="EC57" s="235"/>
      <c r="ED57" s="235"/>
      <c r="EE57" s="235"/>
      <c r="EF57" s="235"/>
      <c r="EG57" s="239"/>
      <c r="EH57" s="240"/>
      <c r="EI57" s="240"/>
      <c r="EJ57" s="240"/>
      <c r="EK57" s="240"/>
      <c r="EL57" s="240"/>
      <c r="EM57" s="240"/>
      <c r="EN57" s="240"/>
      <c r="EO57" s="240"/>
      <c r="EP57" s="240"/>
      <c r="EQ57" s="240"/>
      <c r="ER57" s="240"/>
      <c r="ES57" s="240"/>
      <c r="ET57" s="240"/>
      <c r="EU57" s="241"/>
      <c r="EV57" s="239"/>
      <c r="EW57" s="240"/>
      <c r="EX57" s="240"/>
      <c r="EY57" s="240"/>
      <c r="EZ57" s="240"/>
      <c r="FA57" s="240"/>
      <c r="FB57" s="240"/>
      <c r="FC57" s="240"/>
      <c r="FD57" s="240"/>
      <c r="FE57" s="240"/>
      <c r="FF57" s="240"/>
      <c r="FG57" s="240"/>
      <c r="FH57" s="240"/>
      <c r="FI57" s="240"/>
      <c r="FJ57" s="240"/>
      <c r="FK57" s="240"/>
      <c r="FL57" s="240"/>
      <c r="FM57" s="241"/>
      <c r="FN57" s="215"/>
      <c r="FO57" s="215"/>
      <c r="FP57" s="215"/>
      <c r="FQ57" s="215"/>
      <c r="FR57" s="215"/>
      <c r="FS57" s="215"/>
      <c r="FT57" s="215"/>
      <c r="FU57" s="215"/>
      <c r="FV57" s="215"/>
      <c r="FW57" s="215"/>
      <c r="FX57" s="215"/>
      <c r="FY57" s="215"/>
      <c r="FZ57" s="215"/>
      <c r="GA57" s="215"/>
      <c r="GB57" s="215"/>
      <c r="GC57" s="215"/>
      <c r="GD57" s="215"/>
      <c r="GE57" s="215"/>
      <c r="GF57" s="215"/>
      <c r="GG57" s="215"/>
      <c r="GH57" s="215"/>
      <c r="GI57" s="215"/>
      <c r="GJ57" s="215"/>
      <c r="GK57" s="215"/>
      <c r="GL57" s="215"/>
      <c r="GM57" s="215"/>
      <c r="GN57" s="215"/>
      <c r="GO57" s="215"/>
      <c r="GP57" s="416"/>
      <c r="GQ57" s="417"/>
      <c r="GR57" s="417"/>
      <c r="GS57" s="417"/>
      <c r="GT57" s="417"/>
      <c r="GU57" s="417"/>
      <c r="GV57" s="417"/>
      <c r="GW57" s="417"/>
      <c r="GX57" s="417"/>
      <c r="GY57" s="417"/>
      <c r="GZ57" s="417"/>
      <c r="HA57" s="417"/>
      <c r="HB57" s="417"/>
      <c r="HC57" s="417"/>
      <c r="HD57" s="417"/>
      <c r="HE57" s="417"/>
      <c r="HF57" s="417"/>
      <c r="HG57" s="417"/>
      <c r="HH57" s="417"/>
      <c r="HI57" s="417"/>
      <c r="HJ57" s="417"/>
      <c r="HK57" s="417"/>
      <c r="HL57" s="417"/>
      <c r="HM57" s="417"/>
      <c r="HN57" s="417"/>
      <c r="HO57" s="417"/>
      <c r="HP57" s="417"/>
      <c r="HQ57" s="418"/>
    </row>
    <row r="58" spans="2:225" ht="6" customHeight="1">
      <c r="B58" s="225"/>
      <c r="C58" s="225"/>
      <c r="D58" s="225"/>
      <c r="E58" s="225"/>
      <c r="F58" s="225"/>
      <c r="G58" s="225"/>
      <c r="H58" s="225"/>
      <c r="I58" s="225"/>
      <c r="J58" s="225"/>
      <c r="K58" s="225"/>
      <c r="L58" s="225"/>
      <c r="M58" s="225"/>
      <c r="N58" s="225"/>
      <c r="O58" s="225"/>
      <c r="P58" s="226"/>
      <c r="Q58" s="227"/>
      <c r="R58" s="228"/>
      <c r="S58" s="228"/>
      <c r="T58" s="228"/>
      <c r="U58" s="228"/>
      <c r="V58" s="228"/>
      <c r="W58" s="228"/>
      <c r="X58" s="228"/>
      <c r="Y58" s="228"/>
      <c r="Z58" s="228"/>
      <c r="AA58" s="228"/>
      <c r="AB58" s="228"/>
      <c r="AC58" s="228"/>
      <c r="AD58" s="228"/>
      <c r="AE58" s="228"/>
      <c r="AF58" s="228"/>
      <c r="AG58" s="228"/>
      <c r="AH58" s="228"/>
      <c r="AI58" s="228"/>
      <c r="AJ58" s="228"/>
      <c r="AK58" s="228"/>
      <c r="AL58" s="228"/>
      <c r="AM58" s="228"/>
      <c r="AN58" s="228"/>
      <c r="AO58" s="228"/>
      <c r="AP58" s="228"/>
      <c r="AQ58" s="228"/>
      <c r="AR58" s="228"/>
      <c r="AS58" s="228"/>
      <c r="AT58" s="228"/>
      <c r="AU58" s="228"/>
      <c r="AV58" s="228"/>
      <c r="AW58" s="228"/>
      <c r="AX58" s="228"/>
      <c r="AY58" s="228"/>
      <c r="AZ58" s="228"/>
      <c r="BA58" s="228"/>
      <c r="BB58" s="228"/>
      <c r="BC58" s="228"/>
      <c r="BD58" s="228"/>
      <c r="BE58" s="228"/>
      <c r="BF58" s="228"/>
      <c r="BG58" s="228"/>
      <c r="BH58" s="228"/>
      <c r="BI58" s="228"/>
      <c r="BJ58" s="228"/>
      <c r="BK58" s="228"/>
      <c r="BL58" s="228"/>
      <c r="BM58" s="228"/>
      <c r="BN58" s="228"/>
      <c r="BO58" s="228"/>
      <c r="BP58" s="228"/>
      <c r="BQ58" s="228"/>
      <c r="BR58" s="228"/>
      <c r="BS58" s="228"/>
      <c r="BT58" s="228"/>
      <c r="BU58" s="228"/>
      <c r="BV58" s="228"/>
      <c r="BW58" s="228"/>
      <c r="BX58" s="228"/>
      <c r="BY58" s="228"/>
      <c r="BZ58" s="228"/>
      <c r="CA58" s="228"/>
      <c r="CB58" s="228"/>
      <c r="CC58" s="228"/>
      <c r="CD58" s="228"/>
      <c r="CE58" s="228"/>
      <c r="CF58" s="228"/>
      <c r="CG58" s="229"/>
      <c r="CH58" s="230"/>
      <c r="CI58" s="215"/>
      <c r="CJ58" s="215"/>
      <c r="CK58" s="215"/>
      <c r="CL58" s="215"/>
      <c r="CM58" s="215"/>
      <c r="CN58" s="215"/>
      <c r="CO58" s="215"/>
      <c r="CP58" s="215"/>
      <c r="CQ58" s="215"/>
      <c r="CR58" s="215"/>
      <c r="CS58" s="215"/>
      <c r="CT58" s="215"/>
      <c r="CU58" s="215"/>
      <c r="CV58" s="215"/>
      <c r="CW58" s="215"/>
      <c r="CX58" s="215"/>
      <c r="CY58" s="215"/>
      <c r="CZ58" s="215"/>
      <c r="DA58" s="215"/>
      <c r="DB58" s="215"/>
      <c r="DC58" s="215"/>
      <c r="DD58" s="215"/>
      <c r="DE58" s="215"/>
      <c r="DF58" s="215"/>
      <c r="DG58" s="215"/>
      <c r="DH58" s="215"/>
      <c r="DI58" s="234"/>
      <c r="DJ58" s="234"/>
      <c r="DK58" s="234"/>
      <c r="DL58" s="234"/>
      <c r="DM58" s="234"/>
      <c r="DN58" s="234"/>
      <c r="DO58" s="234"/>
      <c r="DP58" s="234"/>
      <c r="DQ58" s="234"/>
      <c r="DR58" s="234"/>
      <c r="DS58" s="234"/>
      <c r="DT58" s="234"/>
      <c r="DU58" s="235"/>
      <c r="DV58" s="235"/>
      <c r="DW58" s="235"/>
      <c r="DX58" s="235"/>
      <c r="DY58" s="235"/>
      <c r="DZ58" s="235"/>
      <c r="EA58" s="235"/>
      <c r="EB58" s="235"/>
      <c r="EC58" s="235"/>
      <c r="ED58" s="235"/>
      <c r="EE58" s="235"/>
      <c r="EF58" s="235"/>
      <c r="EG58" s="242"/>
      <c r="EH58" s="243"/>
      <c r="EI58" s="243"/>
      <c r="EJ58" s="243"/>
      <c r="EK58" s="243"/>
      <c r="EL58" s="243"/>
      <c r="EM58" s="243"/>
      <c r="EN58" s="243"/>
      <c r="EO58" s="243"/>
      <c r="EP58" s="243"/>
      <c r="EQ58" s="243"/>
      <c r="ER58" s="243"/>
      <c r="ES58" s="243"/>
      <c r="ET58" s="243"/>
      <c r="EU58" s="244"/>
      <c r="EV58" s="242"/>
      <c r="EW58" s="243"/>
      <c r="EX58" s="243"/>
      <c r="EY58" s="243"/>
      <c r="EZ58" s="243"/>
      <c r="FA58" s="243"/>
      <c r="FB58" s="243"/>
      <c r="FC58" s="243"/>
      <c r="FD58" s="243"/>
      <c r="FE58" s="243"/>
      <c r="FF58" s="243"/>
      <c r="FG58" s="243"/>
      <c r="FH58" s="243"/>
      <c r="FI58" s="243"/>
      <c r="FJ58" s="243"/>
      <c r="FK58" s="243"/>
      <c r="FL58" s="243"/>
      <c r="FM58" s="244"/>
      <c r="FN58" s="215"/>
      <c r="FO58" s="215"/>
      <c r="FP58" s="215"/>
      <c r="FQ58" s="215"/>
      <c r="FR58" s="215"/>
      <c r="FS58" s="215"/>
      <c r="FT58" s="215"/>
      <c r="FU58" s="215"/>
      <c r="FV58" s="215"/>
      <c r="FW58" s="215"/>
      <c r="FX58" s="215"/>
      <c r="FY58" s="215"/>
      <c r="FZ58" s="215"/>
      <c r="GA58" s="215"/>
      <c r="GB58" s="215"/>
      <c r="GC58" s="215"/>
      <c r="GD58" s="215"/>
      <c r="GE58" s="215"/>
      <c r="GF58" s="215"/>
      <c r="GG58" s="215"/>
      <c r="GH58" s="215"/>
      <c r="GI58" s="215"/>
      <c r="GJ58" s="215"/>
      <c r="GK58" s="215"/>
      <c r="GL58" s="215"/>
      <c r="GM58" s="215"/>
      <c r="GN58" s="215"/>
      <c r="GO58" s="215"/>
      <c r="GP58" s="419"/>
      <c r="GQ58" s="420"/>
      <c r="GR58" s="420"/>
      <c r="GS58" s="420"/>
      <c r="GT58" s="420"/>
      <c r="GU58" s="420"/>
      <c r="GV58" s="420"/>
      <c r="GW58" s="420"/>
      <c r="GX58" s="420"/>
      <c r="GY58" s="420"/>
      <c r="GZ58" s="420"/>
      <c r="HA58" s="420"/>
      <c r="HB58" s="420"/>
      <c r="HC58" s="420"/>
      <c r="HD58" s="420"/>
      <c r="HE58" s="420"/>
      <c r="HF58" s="420"/>
      <c r="HG58" s="420"/>
      <c r="HH58" s="420"/>
      <c r="HI58" s="420"/>
      <c r="HJ58" s="420"/>
      <c r="HK58" s="420"/>
      <c r="HL58" s="420"/>
      <c r="HM58" s="420"/>
      <c r="HN58" s="420"/>
      <c r="HO58" s="420"/>
      <c r="HP58" s="420"/>
      <c r="HQ58" s="421"/>
    </row>
    <row r="59" spans="2:225" ht="6" customHeight="1">
      <c r="B59" s="225"/>
      <c r="C59" s="225"/>
      <c r="D59" s="225"/>
      <c r="E59" s="225"/>
      <c r="F59" s="225"/>
      <c r="G59" s="225"/>
      <c r="H59" s="225"/>
      <c r="I59" s="225"/>
      <c r="J59" s="225"/>
      <c r="K59" s="225"/>
      <c r="L59" s="225"/>
      <c r="M59" s="225"/>
      <c r="N59" s="225"/>
      <c r="O59" s="225"/>
      <c r="P59" s="226"/>
      <c r="Q59" s="227"/>
      <c r="R59" s="228"/>
      <c r="S59" s="228"/>
      <c r="T59" s="228"/>
      <c r="U59" s="228"/>
      <c r="V59" s="228"/>
      <c r="W59" s="228"/>
      <c r="X59" s="228"/>
      <c r="Y59" s="228"/>
      <c r="Z59" s="228"/>
      <c r="AA59" s="228"/>
      <c r="AB59" s="228"/>
      <c r="AC59" s="228"/>
      <c r="AD59" s="228"/>
      <c r="AE59" s="228"/>
      <c r="AF59" s="228"/>
      <c r="AG59" s="228"/>
      <c r="AH59" s="228"/>
      <c r="AI59" s="228"/>
      <c r="AJ59" s="228"/>
      <c r="AK59" s="228"/>
      <c r="AL59" s="228"/>
      <c r="AM59" s="228"/>
      <c r="AN59" s="228"/>
      <c r="AO59" s="228"/>
      <c r="AP59" s="228"/>
      <c r="AQ59" s="228"/>
      <c r="AR59" s="228"/>
      <c r="AS59" s="228"/>
      <c r="AT59" s="228"/>
      <c r="AU59" s="228"/>
      <c r="AV59" s="228"/>
      <c r="AW59" s="228"/>
      <c r="AX59" s="228"/>
      <c r="AY59" s="228"/>
      <c r="AZ59" s="228"/>
      <c r="BA59" s="228"/>
      <c r="BB59" s="228"/>
      <c r="BC59" s="228"/>
      <c r="BD59" s="228"/>
      <c r="BE59" s="228"/>
      <c r="BF59" s="228"/>
      <c r="BG59" s="228"/>
      <c r="BH59" s="228"/>
      <c r="BI59" s="228"/>
      <c r="BJ59" s="228"/>
      <c r="BK59" s="228"/>
      <c r="BL59" s="228"/>
      <c r="BM59" s="228"/>
      <c r="BN59" s="228"/>
      <c r="BO59" s="228"/>
      <c r="BP59" s="228"/>
      <c r="BQ59" s="228"/>
      <c r="BR59" s="228"/>
      <c r="BS59" s="228"/>
      <c r="BT59" s="228"/>
      <c r="BU59" s="228"/>
      <c r="BV59" s="228"/>
      <c r="BW59" s="228"/>
      <c r="BX59" s="228"/>
      <c r="BY59" s="228"/>
      <c r="BZ59" s="228"/>
      <c r="CA59" s="228"/>
      <c r="CB59" s="228"/>
      <c r="CC59" s="228"/>
      <c r="CD59" s="228"/>
      <c r="CE59" s="228"/>
      <c r="CF59" s="228"/>
      <c r="CG59" s="229"/>
      <c r="CH59" s="230"/>
      <c r="CI59" s="215"/>
      <c r="CJ59" s="215"/>
      <c r="CK59" s="215"/>
      <c r="CL59" s="215"/>
      <c r="CM59" s="215"/>
      <c r="CN59" s="215"/>
      <c r="CO59" s="215"/>
      <c r="CP59" s="215"/>
      <c r="CQ59" s="215"/>
      <c r="CR59" s="215"/>
      <c r="CS59" s="215"/>
      <c r="CT59" s="215"/>
      <c r="CU59" s="215"/>
      <c r="CV59" s="215"/>
      <c r="CW59" s="215"/>
      <c r="CX59" s="215"/>
      <c r="CY59" s="215"/>
      <c r="CZ59" s="215"/>
      <c r="DA59" s="215"/>
      <c r="DB59" s="215"/>
      <c r="DC59" s="215"/>
      <c r="DD59" s="215"/>
      <c r="DE59" s="215"/>
      <c r="DF59" s="215"/>
      <c r="DG59" s="215"/>
      <c r="DH59" s="215"/>
      <c r="DI59" s="234"/>
      <c r="DJ59" s="234"/>
      <c r="DK59" s="234"/>
      <c r="DL59" s="234"/>
      <c r="DM59" s="234"/>
      <c r="DN59" s="234"/>
      <c r="DO59" s="234"/>
      <c r="DP59" s="234"/>
      <c r="DQ59" s="234"/>
      <c r="DR59" s="234"/>
      <c r="DS59" s="234"/>
      <c r="DT59" s="234"/>
      <c r="DU59" s="235"/>
      <c r="DV59" s="235"/>
      <c r="DW59" s="235"/>
      <c r="DX59" s="235"/>
      <c r="DY59" s="235"/>
      <c r="DZ59" s="235"/>
      <c r="EA59" s="235"/>
      <c r="EB59" s="235"/>
      <c r="EC59" s="235"/>
      <c r="ED59" s="235"/>
      <c r="EE59" s="235"/>
      <c r="EF59" s="235"/>
      <c r="EG59" s="236"/>
      <c r="EH59" s="237"/>
      <c r="EI59" s="237"/>
      <c r="EJ59" s="237"/>
      <c r="EK59" s="237"/>
      <c r="EL59" s="237"/>
      <c r="EM59" s="237"/>
      <c r="EN59" s="237"/>
      <c r="EO59" s="237"/>
      <c r="EP59" s="237"/>
      <c r="EQ59" s="237"/>
      <c r="ER59" s="237"/>
      <c r="ES59" s="237"/>
      <c r="ET59" s="237"/>
      <c r="EU59" s="238"/>
      <c r="EV59" s="236"/>
      <c r="EW59" s="237"/>
      <c r="EX59" s="237"/>
      <c r="EY59" s="237"/>
      <c r="EZ59" s="237"/>
      <c r="FA59" s="237"/>
      <c r="FB59" s="237"/>
      <c r="FC59" s="237"/>
      <c r="FD59" s="237"/>
      <c r="FE59" s="237"/>
      <c r="FF59" s="237"/>
      <c r="FG59" s="237"/>
      <c r="FH59" s="237"/>
      <c r="FI59" s="237"/>
      <c r="FJ59" s="237"/>
      <c r="FK59" s="237"/>
      <c r="FL59" s="237"/>
      <c r="FM59" s="238"/>
      <c r="FN59" s="215"/>
      <c r="FO59" s="215"/>
      <c r="FP59" s="215"/>
      <c r="FQ59" s="215"/>
      <c r="FR59" s="215"/>
      <c r="FS59" s="215"/>
      <c r="FT59" s="215"/>
      <c r="FU59" s="215"/>
      <c r="FV59" s="215"/>
      <c r="FW59" s="215"/>
      <c r="FX59" s="215"/>
      <c r="FY59" s="215"/>
      <c r="FZ59" s="215"/>
      <c r="GA59" s="215"/>
      <c r="GB59" s="215"/>
      <c r="GC59" s="215"/>
      <c r="GD59" s="215"/>
      <c r="GE59" s="215"/>
      <c r="GF59" s="215"/>
      <c r="GG59" s="215"/>
      <c r="GH59" s="215"/>
      <c r="GI59" s="215"/>
      <c r="GJ59" s="215"/>
      <c r="GK59" s="215"/>
      <c r="GL59" s="215"/>
      <c r="GM59" s="215"/>
      <c r="GN59" s="215"/>
      <c r="GO59" s="215"/>
      <c r="GP59" s="413"/>
      <c r="GQ59" s="414"/>
      <c r="GR59" s="414"/>
      <c r="GS59" s="414"/>
      <c r="GT59" s="414"/>
      <c r="GU59" s="414"/>
      <c r="GV59" s="414"/>
      <c r="GW59" s="414"/>
      <c r="GX59" s="414"/>
      <c r="GY59" s="414"/>
      <c r="GZ59" s="414"/>
      <c r="HA59" s="414"/>
      <c r="HB59" s="414"/>
      <c r="HC59" s="414"/>
      <c r="HD59" s="414"/>
      <c r="HE59" s="414"/>
      <c r="HF59" s="414"/>
      <c r="HG59" s="414"/>
      <c r="HH59" s="414"/>
      <c r="HI59" s="414"/>
      <c r="HJ59" s="414"/>
      <c r="HK59" s="414"/>
      <c r="HL59" s="414"/>
      <c r="HM59" s="414"/>
      <c r="HN59" s="414"/>
      <c r="HO59" s="414"/>
      <c r="HP59" s="414"/>
      <c r="HQ59" s="415"/>
    </row>
    <row r="60" spans="2:225" ht="6" customHeight="1">
      <c r="B60" s="225"/>
      <c r="C60" s="225"/>
      <c r="D60" s="225"/>
      <c r="E60" s="225"/>
      <c r="F60" s="225"/>
      <c r="G60" s="225"/>
      <c r="H60" s="225"/>
      <c r="I60" s="225"/>
      <c r="J60" s="225"/>
      <c r="K60" s="225"/>
      <c r="L60" s="225"/>
      <c r="M60" s="225"/>
      <c r="N60" s="225"/>
      <c r="O60" s="225"/>
      <c r="P60" s="226"/>
      <c r="Q60" s="227"/>
      <c r="R60" s="228"/>
      <c r="S60" s="228"/>
      <c r="T60" s="228"/>
      <c r="U60" s="228"/>
      <c r="V60" s="228"/>
      <c r="W60" s="228"/>
      <c r="X60" s="228"/>
      <c r="Y60" s="228"/>
      <c r="Z60" s="228"/>
      <c r="AA60" s="228"/>
      <c r="AB60" s="228"/>
      <c r="AC60" s="228"/>
      <c r="AD60" s="228"/>
      <c r="AE60" s="228"/>
      <c r="AF60" s="228"/>
      <c r="AG60" s="228"/>
      <c r="AH60" s="228"/>
      <c r="AI60" s="228"/>
      <c r="AJ60" s="228"/>
      <c r="AK60" s="228"/>
      <c r="AL60" s="228"/>
      <c r="AM60" s="228"/>
      <c r="AN60" s="228"/>
      <c r="AO60" s="228"/>
      <c r="AP60" s="228"/>
      <c r="AQ60" s="228"/>
      <c r="AR60" s="228"/>
      <c r="AS60" s="228"/>
      <c r="AT60" s="228"/>
      <c r="AU60" s="228"/>
      <c r="AV60" s="228"/>
      <c r="AW60" s="228"/>
      <c r="AX60" s="228"/>
      <c r="AY60" s="228"/>
      <c r="AZ60" s="228"/>
      <c r="BA60" s="228"/>
      <c r="BB60" s="228"/>
      <c r="BC60" s="228"/>
      <c r="BD60" s="228"/>
      <c r="BE60" s="228"/>
      <c r="BF60" s="228"/>
      <c r="BG60" s="228"/>
      <c r="BH60" s="228"/>
      <c r="BI60" s="228"/>
      <c r="BJ60" s="228"/>
      <c r="BK60" s="228"/>
      <c r="BL60" s="228"/>
      <c r="BM60" s="228"/>
      <c r="BN60" s="228"/>
      <c r="BO60" s="228"/>
      <c r="BP60" s="228"/>
      <c r="BQ60" s="228"/>
      <c r="BR60" s="228"/>
      <c r="BS60" s="228"/>
      <c r="BT60" s="228"/>
      <c r="BU60" s="228"/>
      <c r="BV60" s="228"/>
      <c r="BW60" s="228"/>
      <c r="BX60" s="228"/>
      <c r="BY60" s="228"/>
      <c r="BZ60" s="228"/>
      <c r="CA60" s="228"/>
      <c r="CB60" s="228"/>
      <c r="CC60" s="228"/>
      <c r="CD60" s="228"/>
      <c r="CE60" s="228"/>
      <c r="CF60" s="228"/>
      <c r="CG60" s="229"/>
      <c r="CH60" s="230"/>
      <c r="CI60" s="215"/>
      <c r="CJ60" s="215"/>
      <c r="CK60" s="215"/>
      <c r="CL60" s="215"/>
      <c r="CM60" s="215"/>
      <c r="CN60" s="215"/>
      <c r="CO60" s="215"/>
      <c r="CP60" s="215"/>
      <c r="CQ60" s="215"/>
      <c r="CR60" s="215"/>
      <c r="CS60" s="215"/>
      <c r="CT60" s="215"/>
      <c r="CU60" s="215"/>
      <c r="CV60" s="215"/>
      <c r="CW60" s="215"/>
      <c r="CX60" s="215"/>
      <c r="CY60" s="215"/>
      <c r="CZ60" s="215"/>
      <c r="DA60" s="215"/>
      <c r="DB60" s="215"/>
      <c r="DC60" s="215"/>
      <c r="DD60" s="215"/>
      <c r="DE60" s="215"/>
      <c r="DF60" s="215"/>
      <c r="DG60" s="215"/>
      <c r="DH60" s="215"/>
      <c r="DI60" s="234"/>
      <c r="DJ60" s="234"/>
      <c r="DK60" s="234"/>
      <c r="DL60" s="234"/>
      <c r="DM60" s="234"/>
      <c r="DN60" s="234"/>
      <c r="DO60" s="234"/>
      <c r="DP60" s="234"/>
      <c r="DQ60" s="234"/>
      <c r="DR60" s="234"/>
      <c r="DS60" s="234"/>
      <c r="DT60" s="234"/>
      <c r="DU60" s="235"/>
      <c r="DV60" s="235"/>
      <c r="DW60" s="235"/>
      <c r="DX60" s="235"/>
      <c r="DY60" s="235"/>
      <c r="DZ60" s="235"/>
      <c r="EA60" s="235"/>
      <c r="EB60" s="235"/>
      <c r="EC60" s="235"/>
      <c r="ED60" s="235"/>
      <c r="EE60" s="235"/>
      <c r="EF60" s="235"/>
      <c r="EG60" s="239"/>
      <c r="EH60" s="240"/>
      <c r="EI60" s="240"/>
      <c r="EJ60" s="240"/>
      <c r="EK60" s="240"/>
      <c r="EL60" s="240"/>
      <c r="EM60" s="240"/>
      <c r="EN60" s="240"/>
      <c r="EO60" s="240"/>
      <c r="EP60" s="240"/>
      <c r="EQ60" s="240"/>
      <c r="ER60" s="240"/>
      <c r="ES60" s="240"/>
      <c r="ET60" s="240"/>
      <c r="EU60" s="241"/>
      <c r="EV60" s="239"/>
      <c r="EW60" s="240"/>
      <c r="EX60" s="240"/>
      <c r="EY60" s="240"/>
      <c r="EZ60" s="240"/>
      <c r="FA60" s="240"/>
      <c r="FB60" s="240"/>
      <c r="FC60" s="240"/>
      <c r="FD60" s="240"/>
      <c r="FE60" s="240"/>
      <c r="FF60" s="240"/>
      <c r="FG60" s="240"/>
      <c r="FH60" s="240"/>
      <c r="FI60" s="240"/>
      <c r="FJ60" s="240"/>
      <c r="FK60" s="240"/>
      <c r="FL60" s="240"/>
      <c r="FM60" s="241"/>
      <c r="FN60" s="215"/>
      <c r="FO60" s="215"/>
      <c r="FP60" s="215"/>
      <c r="FQ60" s="215"/>
      <c r="FR60" s="215"/>
      <c r="FS60" s="215"/>
      <c r="FT60" s="215"/>
      <c r="FU60" s="215"/>
      <c r="FV60" s="215"/>
      <c r="FW60" s="215"/>
      <c r="FX60" s="215"/>
      <c r="FY60" s="215"/>
      <c r="FZ60" s="215"/>
      <c r="GA60" s="215"/>
      <c r="GB60" s="215"/>
      <c r="GC60" s="215"/>
      <c r="GD60" s="215"/>
      <c r="GE60" s="215"/>
      <c r="GF60" s="215"/>
      <c r="GG60" s="215"/>
      <c r="GH60" s="215"/>
      <c r="GI60" s="215"/>
      <c r="GJ60" s="215"/>
      <c r="GK60" s="215"/>
      <c r="GL60" s="215"/>
      <c r="GM60" s="215"/>
      <c r="GN60" s="215"/>
      <c r="GO60" s="215"/>
      <c r="GP60" s="416"/>
      <c r="GQ60" s="417"/>
      <c r="GR60" s="417"/>
      <c r="GS60" s="417"/>
      <c r="GT60" s="417"/>
      <c r="GU60" s="417"/>
      <c r="GV60" s="417"/>
      <c r="GW60" s="417"/>
      <c r="GX60" s="417"/>
      <c r="GY60" s="417"/>
      <c r="GZ60" s="417"/>
      <c r="HA60" s="417"/>
      <c r="HB60" s="417"/>
      <c r="HC60" s="417"/>
      <c r="HD60" s="417"/>
      <c r="HE60" s="417"/>
      <c r="HF60" s="417"/>
      <c r="HG60" s="417"/>
      <c r="HH60" s="417"/>
      <c r="HI60" s="417"/>
      <c r="HJ60" s="417"/>
      <c r="HK60" s="417"/>
      <c r="HL60" s="417"/>
      <c r="HM60" s="417"/>
      <c r="HN60" s="417"/>
      <c r="HO60" s="417"/>
      <c r="HP60" s="417"/>
      <c r="HQ60" s="418"/>
    </row>
    <row r="61" spans="2:225" ht="6" customHeight="1">
      <c r="B61" s="225"/>
      <c r="C61" s="225"/>
      <c r="D61" s="225"/>
      <c r="E61" s="225"/>
      <c r="F61" s="225"/>
      <c r="G61" s="225"/>
      <c r="H61" s="225"/>
      <c r="I61" s="225"/>
      <c r="J61" s="225"/>
      <c r="K61" s="225"/>
      <c r="L61" s="225"/>
      <c r="M61" s="225"/>
      <c r="N61" s="225"/>
      <c r="O61" s="225"/>
      <c r="P61" s="226"/>
      <c r="Q61" s="227"/>
      <c r="R61" s="228"/>
      <c r="S61" s="228"/>
      <c r="T61" s="228"/>
      <c r="U61" s="228"/>
      <c r="V61" s="228"/>
      <c r="W61" s="228"/>
      <c r="X61" s="228"/>
      <c r="Y61" s="228"/>
      <c r="Z61" s="228"/>
      <c r="AA61" s="228"/>
      <c r="AB61" s="228"/>
      <c r="AC61" s="228"/>
      <c r="AD61" s="228"/>
      <c r="AE61" s="228"/>
      <c r="AF61" s="228"/>
      <c r="AG61" s="228"/>
      <c r="AH61" s="228"/>
      <c r="AI61" s="228"/>
      <c r="AJ61" s="228"/>
      <c r="AK61" s="228"/>
      <c r="AL61" s="228"/>
      <c r="AM61" s="228"/>
      <c r="AN61" s="228"/>
      <c r="AO61" s="228"/>
      <c r="AP61" s="228"/>
      <c r="AQ61" s="228"/>
      <c r="AR61" s="228"/>
      <c r="AS61" s="228"/>
      <c r="AT61" s="228"/>
      <c r="AU61" s="228"/>
      <c r="AV61" s="228"/>
      <c r="AW61" s="228"/>
      <c r="AX61" s="228"/>
      <c r="AY61" s="228"/>
      <c r="AZ61" s="228"/>
      <c r="BA61" s="228"/>
      <c r="BB61" s="228"/>
      <c r="BC61" s="228"/>
      <c r="BD61" s="228"/>
      <c r="BE61" s="228"/>
      <c r="BF61" s="228"/>
      <c r="BG61" s="228"/>
      <c r="BH61" s="228"/>
      <c r="BI61" s="228"/>
      <c r="BJ61" s="228"/>
      <c r="BK61" s="228"/>
      <c r="BL61" s="228"/>
      <c r="BM61" s="228"/>
      <c r="BN61" s="228"/>
      <c r="BO61" s="228"/>
      <c r="BP61" s="228"/>
      <c r="BQ61" s="228"/>
      <c r="BR61" s="228"/>
      <c r="BS61" s="228"/>
      <c r="BT61" s="228"/>
      <c r="BU61" s="228"/>
      <c r="BV61" s="228"/>
      <c r="BW61" s="228"/>
      <c r="BX61" s="228"/>
      <c r="BY61" s="228"/>
      <c r="BZ61" s="228"/>
      <c r="CA61" s="228"/>
      <c r="CB61" s="228"/>
      <c r="CC61" s="228"/>
      <c r="CD61" s="228"/>
      <c r="CE61" s="228"/>
      <c r="CF61" s="228"/>
      <c r="CG61" s="229"/>
      <c r="CH61" s="230"/>
      <c r="CI61" s="215"/>
      <c r="CJ61" s="215"/>
      <c r="CK61" s="215"/>
      <c r="CL61" s="215"/>
      <c r="CM61" s="215"/>
      <c r="CN61" s="215"/>
      <c r="CO61" s="215"/>
      <c r="CP61" s="215"/>
      <c r="CQ61" s="215"/>
      <c r="CR61" s="215"/>
      <c r="CS61" s="215"/>
      <c r="CT61" s="215"/>
      <c r="CU61" s="215"/>
      <c r="CV61" s="215"/>
      <c r="CW61" s="215"/>
      <c r="CX61" s="215"/>
      <c r="CY61" s="215"/>
      <c r="CZ61" s="215"/>
      <c r="DA61" s="215"/>
      <c r="DB61" s="215"/>
      <c r="DC61" s="215"/>
      <c r="DD61" s="215"/>
      <c r="DE61" s="215"/>
      <c r="DF61" s="215"/>
      <c r="DG61" s="215"/>
      <c r="DH61" s="215"/>
      <c r="DI61" s="234"/>
      <c r="DJ61" s="234"/>
      <c r="DK61" s="234"/>
      <c r="DL61" s="234"/>
      <c r="DM61" s="234"/>
      <c r="DN61" s="234"/>
      <c r="DO61" s="234"/>
      <c r="DP61" s="234"/>
      <c r="DQ61" s="234"/>
      <c r="DR61" s="234"/>
      <c r="DS61" s="234"/>
      <c r="DT61" s="234"/>
      <c r="DU61" s="235"/>
      <c r="DV61" s="235"/>
      <c r="DW61" s="235"/>
      <c r="DX61" s="235"/>
      <c r="DY61" s="235"/>
      <c r="DZ61" s="235"/>
      <c r="EA61" s="235"/>
      <c r="EB61" s="235"/>
      <c r="EC61" s="235"/>
      <c r="ED61" s="235"/>
      <c r="EE61" s="235"/>
      <c r="EF61" s="235"/>
      <c r="EG61" s="239"/>
      <c r="EH61" s="240"/>
      <c r="EI61" s="240"/>
      <c r="EJ61" s="240"/>
      <c r="EK61" s="240"/>
      <c r="EL61" s="240"/>
      <c r="EM61" s="240"/>
      <c r="EN61" s="240"/>
      <c r="EO61" s="240"/>
      <c r="EP61" s="240"/>
      <c r="EQ61" s="240"/>
      <c r="ER61" s="240"/>
      <c r="ES61" s="240"/>
      <c r="ET61" s="240"/>
      <c r="EU61" s="241"/>
      <c r="EV61" s="239"/>
      <c r="EW61" s="240"/>
      <c r="EX61" s="240"/>
      <c r="EY61" s="240"/>
      <c r="EZ61" s="240"/>
      <c r="FA61" s="240"/>
      <c r="FB61" s="240"/>
      <c r="FC61" s="240"/>
      <c r="FD61" s="240"/>
      <c r="FE61" s="240"/>
      <c r="FF61" s="240"/>
      <c r="FG61" s="240"/>
      <c r="FH61" s="240"/>
      <c r="FI61" s="240"/>
      <c r="FJ61" s="240"/>
      <c r="FK61" s="240"/>
      <c r="FL61" s="240"/>
      <c r="FM61" s="241"/>
      <c r="FN61" s="215"/>
      <c r="FO61" s="215"/>
      <c r="FP61" s="215"/>
      <c r="FQ61" s="215"/>
      <c r="FR61" s="215"/>
      <c r="FS61" s="215"/>
      <c r="FT61" s="215"/>
      <c r="FU61" s="215"/>
      <c r="FV61" s="215"/>
      <c r="FW61" s="215"/>
      <c r="FX61" s="215"/>
      <c r="FY61" s="215"/>
      <c r="FZ61" s="215"/>
      <c r="GA61" s="215"/>
      <c r="GB61" s="215"/>
      <c r="GC61" s="215"/>
      <c r="GD61" s="215"/>
      <c r="GE61" s="215"/>
      <c r="GF61" s="215"/>
      <c r="GG61" s="215"/>
      <c r="GH61" s="215"/>
      <c r="GI61" s="215"/>
      <c r="GJ61" s="215"/>
      <c r="GK61" s="215"/>
      <c r="GL61" s="215"/>
      <c r="GM61" s="215"/>
      <c r="GN61" s="215"/>
      <c r="GO61" s="215"/>
      <c r="GP61" s="416"/>
      <c r="GQ61" s="417"/>
      <c r="GR61" s="417"/>
      <c r="GS61" s="417"/>
      <c r="GT61" s="417"/>
      <c r="GU61" s="417"/>
      <c r="GV61" s="417"/>
      <c r="GW61" s="417"/>
      <c r="GX61" s="417"/>
      <c r="GY61" s="417"/>
      <c r="GZ61" s="417"/>
      <c r="HA61" s="417"/>
      <c r="HB61" s="417"/>
      <c r="HC61" s="417"/>
      <c r="HD61" s="417"/>
      <c r="HE61" s="417"/>
      <c r="HF61" s="417"/>
      <c r="HG61" s="417"/>
      <c r="HH61" s="417"/>
      <c r="HI61" s="417"/>
      <c r="HJ61" s="417"/>
      <c r="HK61" s="417"/>
      <c r="HL61" s="417"/>
      <c r="HM61" s="417"/>
      <c r="HN61" s="417"/>
      <c r="HO61" s="417"/>
      <c r="HP61" s="417"/>
      <c r="HQ61" s="418"/>
    </row>
    <row r="62" spans="2:225" ht="6" customHeight="1">
      <c r="B62" s="225"/>
      <c r="C62" s="225"/>
      <c r="D62" s="225"/>
      <c r="E62" s="225"/>
      <c r="F62" s="225"/>
      <c r="G62" s="225"/>
      <c r="H62" s="225"/>
      <c r="I62" s="225"/>
      <c r="J62" s="225"/>
      <c r="K62" s="225"/>
      <c r="L62" s="225"/>
      <c r="M62" s="225"/>
      <c r="N62" s="225"/>
      <c r="O62" s="225"/>
      <c r="P62" s="226"/>
      <c r="Q62" s="227"/>
      <c r="R62" s="228"/>
      <c r="S62" s="228"/>
      <c r="T62" s="228"/>
      <c r="U62" s="228"/>
      <c r="V62" s="228"/>
      <c r="W62" s="228"/>
      <c r="X62" s="228"/>
      <c r="Y62" s="228"/>
      <c r="Z62" s="228"/>
      <c r="AA62" s="228"/>
      <c r="AB62" s="228"/>
      <c r="AC62" s="228"/>
      <c r="AD62" s="228"/>
      <c r="AE62" s="228"/>
      <c r="AF62" s="228"/>
      <c r="AG62" s="228"/>
      <c r="AH62" s="228"/>
      <c r="AI62" s="228"/>
      <c r="AJ62" s="228"/>
      <c r="AK62" s="228"/>
      <c r="AL62" s="228"/>
      <c r="AM62" s="228"/>
      <c r="AN62" s="228"/>
      <c r="AO62" s="228"/>
      <c r="AP62" s="228"/>
      <c r="AQ62" s="228"/>
      <c r="AR62" s="228"/>
      <c r="AS62" s="228"/>
      <c r="AT62" s="228"/>
      <c r="AU62" s="228"/>
      <c r="AV62" s="228"/>
      <c r="AW62" s="228"/>
      <c r="AX62" s="228"/>
      <c r="AY62" s="228"/>
      <c r="AZ62" s="228"/>
      <c r="BA62" s="228"/>
      <c r="BB62" s="228"/>
      <c r="BC62" s="228"/>
      <c r="BD62" s="228"/>
      <c r="BE62" s="228"/>
      <c r="BF62" s="228"/>
      <c r="BG62" s="228"/>
      <c r="BH62" s="228"/>
      <c r="BI62" s="228"/>
      <c r="BJ62" s="228"/>
      <c r="BK62" s="228"/>
      <c r="BL62" s="228"/>
      <c r="BM62" s="228"/>
      <c r="BN62" s="228"/>
      <c r="BO62" s="228"/>
      <c r="BP62" s="228"/>
      <c r="BQ62" s="228"/>
      <c r="BR62" s="228"/>
      <c r="BS62" s="228"/>
      <c r="BT62" s="228"/>
      <c r="BU62" s="228"/>
      <c r="BV62" s="228"/>
      <c r="BW62" s="228"/>
      <c r="BX62" s="228"/>
      <c r="BY62" s="228"/>
      <c r="BZ62" s="228"/>
      <c r="CA62" s="228"/>
      <c r="CB62" s="228"/>
      <c r="CC62" s="228"/>
      <c r="CD62" s="228"/>
      <c r="CE62" s="228"/>
      <c r="CF62" s="228"/>
      <c r="CG62" s="229"/>
      <c r="CH62" s="230"/>
      <c r="CI62" s="215"/>
      <c r="CJ62" s="215"/>
      <c r="CK62" s="215"/>
      <c r="CL62" s="215"/>
      <c r="CM62" s="215"/>
      <c r="CN62" s="215"/>
      <c r="CO62" s="215"/>
      <c r="CP62" s="215"/>
      <c r="CQ62" s="215"/>
      <c r="CR62" s="215"/>
      <c r="CS62" s="215"/>
      <c r="CT62" s="215"/>
      <c r="CU62" s="215"/>
      <c r="CV62" s="215"/>
      <c r="CW62" s="215"/>
      <c r="CX62" s="215"/>
      <c r="CY62" s="215"/>
      <c r="CZ62" s="215"/>
      <c r="DA62" s="215"/>
      <c r="DB62" s="215"/>
      <c r="DC62" s="215"/>
      <c r="DD62" s="215"/>
      <c r="DE62" s="215"/>
      <c r="DF62" s="215"/>
      <c r="DG62" s="215"/>
      <c r="DH62" s="215"/>
      <c r="DI62" s="234"/>
      <c r="DJ62" s="234"/>
      <c r="DK62" s="234"/>
      <c r="DL62" s="234"/>
      <c r="DM62" s="234"/>
      <c r="DN62" s="234"/>
      <c r="DO62" s="234"/>
      <c r="DP62" s="234"/>
      <c r="DQ62" s="234"/>
      <c r="DR62" s="234"/>
      <c r="DS62" s="234"/>
      <c r="DT62" s="234"/>
      <c r="DU62" s="235"/>
      <c r="DV62" s="235"/>
      <c r="DW62" s="235"/>
      <c r="DX62" s="235"/>
      <c r="DY62" s="235"/>
      <c r="DZ62" s="235"/>
      <c r="EA62" s="235"/>
      <c r="EB62" s="235"/>
      <c r="EC62" s="235"/>
      <c r="ED62" s="235"/>
      <c r="EE62" s="235"/>
      <c r="EF62" s="235"/>
      <c r="EG62" s="242"/>
      <c r="EH62" s="243"/>
      <c r="EI62" s="243"/>
      <c r="EJ62" s="243"/>
      <c r="EK62" s="243"/>
      <c r="EL62" s="243"/>
      <c r="EM62" s="243"/>
      <c r="EN62" s="243"/>
      <c r="EO62" s="243"/>
      <c r="EP62" s="243"/>
      <c r="EQ62" s="243"/>
      <c r="ER62" s="243"/>
      <c r="ES62" s="243"/>
      <c r="ET62" s="243"/>
      <c r="EU62" s="244"/>
      <c r="EV62" s="239"/>
      <c r="EW62" s="240"/>
      <c r="EX62" s="240"/>
      <c r="EY62" s="240"/>
      <c r="EZ62" s="240"/>
      <c r="FA62" s="240"/>
      <c r="FB62" s="240"/>
      <c r="FC62" s="240"/>
      <c r="FD62" s="240"/>
      <c r="FE62" s="240"/>
      <c r="FF62" s="240"/>
      <c r="FG62" s="240"/>
      <c r="FH62" s="240"/>
      <c r="FI62" s="240"/>
      <c r="FJ62" s="240"/>
      <c r="FK62" s="240"/>
      <c r="FL62" s="240"/>
      <c r="FM62" s="241"/>
      <c r="FN62" s="422"/>
      <c r="FO62" s="422"/>
      <c r="FP62" s="422"/>
      <c r="FQ62" s="422"/>
      <c r="FR62" s="422"/>
      <c r="FS62" s="422"/>
      <c r="FT62" s="422"/>
      <c r="FU62" s="422"/>
      <c r="FV62" s="422"/>
      <c r="FW62" s="422"/>
      <c r="FX62" s="422"/>
      <c r="FY62" s="422"/>
      <c r="FZ62" s="422"/>
      <c r="GA62" s="422"/>
      <c r="GB62" s="422"/>
      <c r="GC62" s="422"/>
      <c r="GD62" s="422"/>
      <c r="GE62" s="422"/>
      <c r="GF62" s="422"/>
      <c r="GG62" s="422"/>
      <c r="GH62" s="422"/>
      <c r="GI62" s="422"/>
      <c r="GJ62" s="422"/>
      <c r="GK62" s="422"/>
      <c r="GL62" s="422"/>
      <c r="GM62" s="422"/>
      <c r="GN62" s="422"/>
      <c r="GO62" s="422"/>
      <c r="GP62" s="416"/>
      <c r="GQ62" s="417"/>
      <c r="GR62" s="417"/>
      <c r="GS62" s="417"/>
      <c r="GT62" s="417"/>
      <c r="GU62" s="417"/>
      <c r="GV62" s="417"/>
      <c r="GW62" s="417"/>
      <c r="GX62" s="417"/>
      <c r="GY62" s="417"/>
      <c r="GZ62" s="417"/>
      <c r="HA62" s="417"/>
      <c r="HB62" s="417"/>
      <c r="HC62" s="417"/>
      <c r="HD62" s="417"/>
      <c r="HE62" s="417"/>
      <c r="HF62" s="417"/>
      <c r="HG62" s="417"/>
      <c r="HH62" s="417"/>
      <c r="HI62" s="417"/>
      <c r="HJ62" s="417"/>
      <c r="HK62" s="417"/>
      <c r="HL62" s="417"/>
      <c r="HM62" s="417"/>
      <c r="HN62" s="417"/>
      <c r="HO62" s="417"/>
      <c r="HP62" s="417"/>
      <c r="HQ62" s="418"/>
    </row>
    <row r="63" spans="2:225" ht="6" customHeight="1">
      <c r="B63"/>
      <c r="C63"/>
      <c r="D63"/>
      <c r="E63"/>
      <c r="F63"/>
      <c r="G63"/>
      <c r="H63"/>
      <c r="I63"/>
      <c r="J63"/>
      <c r="K63"/>
      <c r="L63"/>
      <c r="M63"/>
      <c r="N63"/>
      <c r="O63"/>
      <c r="P63" s="64"/>
      <c r="Q63" s="65"/>
      <c r="R63" s="65"/>
      <c r="S63" s="65"/>
      <c r="T63" s="65"/>
      <c r="U63" s="65"/>
      <c r="V63" s="65"/>
      <c r="W63" s="65"/>
      <c r="X63" s="65"/>
      <c r="Y63" s="65"/>
      <c r="Z63" s="65"/>
      <c r="AA63" s="65"/>
      <c r="AB63" s="65"/>
      <c r="AC63" s="65"/>
      <c r="AD63" s="65"/>
      <c r="AE63" s="65"/>
      <c r="AF63" s="65"/>
      <c r="AG63" s="65"/>
      <c r="AH63" s="65"/>
      <c r="AI63" s="65"/>
      <c r="AJ63" s="65"/>
      <c r="AK63" s="65"/>
      <c r="AL63" s="65"/>
      <c r="AM63" s="65"/>
      <c r="AN63" s="65"/>
      <c r="AO63" s="65"/>
      <c r="AP63" s="65"/>
      <c r="AQ63" s="65"/>
      <c r="AR63" s="65"/>
      <c r="AS63" s="65"/>
      <c r="AT63" s="65"/>
      <c r="AU63" s="65"/>
      <c r="AV63" s="65"/>
      <c r="AW63" s="65"/>
      <c r="AX63" s="65"/>
      <c r="AY63" s="65"/>
      <c r="AZ63" s="65"/>
      <c r="BA63" s="65"/>
      <c r="BB63" s="65"/>
      <c r="BC63" s="65"/>
      <c r="BD63" s="65"/>
      <c r="BE63" s="65"/>
      <c r="BF63" s="65"/>
      <c r="BG63" s="65"/>
      <c r="BH63" s="65"/>
      <c r="BI63" s="65"/>
      <c r="BJ63" s="65"/>
      <c r="BK63" s="65"/>
      <c r="BL63" s="65"/>
      <c r="BM63" s="65"/>
      <c r="BN63" s="65"/>
      <c r="BO63" s="65"/>
      <c r="BP63" s="65"/>
      <c r="BQ63" s="65"/>
      <c r="BR63" s="65"/>
      <c r="BS63" s="65"/>
      <c r="BT63" s="65"/>
      <c r="BU63" s="65"/>
      <c r="BV63" s="65"/>
      <c r="BW63" s="65"/>
      <c r="BX63" s="65"/>
      <c r="BY63" s="65"/>
      <c r="BZ63" s="65"/>
      <c r="CA63" s="65"/>
      <c r="CB63" s="65"/>
      <c r="CC63" s="65"/>
      <c r="CD63" s="65"/>
      <c r="CE63" s="65"/>
      <c r="CF63" s="65"/>
      <c r="CG63" s="65"/>
      <c r="CH63" s="65"/>
      <c r="CI63" s="59"/>
      <c r="CJ63" s="59"/>
      <c r="CK63" s="59"/>
      <c r="CL63" s="59"/>
      <c r="CM63" s="59"/>
      <c r="CN63" s="59"/>
      <c r="CO63" s="59"/>
      <c r="CP63" s="59"/>
      <c r="CQ63" s="59"/>
      <c r="CR63" s="59"/>
      <c r="CS63" s="59"/>
      <c r="CT63" s="59"/>
      <c r="CU63" s="59"/>
      <c r="CV63" s="59"/>
      <c r="CW63" s="59"/>
      <c r="CX63" s="59"/>
      <c r="CY63" s="59"/>
      <c r="CZ63" s="59"/>
      <c r="DA63" s="59"/>
      <c r="DB63" s="59"/>
      <c r="DC63" s="59"/>
      <c r="DD63" s="59"/>
      <c r="DE63" s="59"/>
      <c r="DF63" s="59"/>
      <c r="DG63" s="59"/>
      <c r="DH63" s="59"/>
      <c r="DI63" s="66"/>
      <c r="DJ63" s="66"/>
      <c r="DK63" s="66"/>
      <c r="DL63" s="66"/>
      <c r="DM63" s="66"/>
      <c r="DN63" s="66"/>
      <c r="DO63" s="66"/>
      <c r="DP63" s="66"/>
      <c r="DQ63" s="66"/>
      <c r="DR63" s="66"/>
      <c r="DS63" s="66"/>
      <c r="DT63" s="66"/>
      <c r="DU63" s="59"/>
      <c r="DV63" s="59"/>
      <c r="DW63" s="59"/>
      <c r="DX63" s="59"/>
      <c r="DY63" s="59"/>
      <c r="DZ63" s="59"/>
      <c r="EA63" s="59"/>
      <c r="EB63" s="59"/>
      <c r="EC63" s="59"/>
      <c r="ED63" s="184" t="s">
        <v>46</v>
      </c>
      <c r="EE63" s="185"/>
      <c r="EF63" s="185"/>
      <c r="EG63" s="185"/>
      <c r="EH63" s="185"/>
      <c r="EI63" s="185"/>
      <c r="EJ63" s="185"/>
      <c r="EK63" s="185"/>
      <c r="EL63" s="185"/>
      <c r="EM63" s="185"/>
      <c r="EN63" s="185"/>
      <c r="EO63" s="185"/>
      <c r="EP63" s="185"/>
      <c r="EQ63" s="185"/>
      <c r="ER63" s="185"/>
      <c r="ES63" s="185"/>
      <c r="ET63" s="185"/>
      <c r="EU63" s="185"/>
      <c r="EV63" s="185"/>
      <c r="EW63" s="185"/>
      <c r="EX63" s="185"/>
      <c r="EY63" s="185"/>
      <c r="EZ63" s="185"/>
      <c r="FA63" s="185"/>
      <c r="FB63" s="185"/>
      <c r="FC63" s="185"/>
      <c r="FD63" s="185"/>
      <c r="FE63" s="185"/>
      <c r="FF63" s="185"/>
      <c r="FG63" s="185"/>
      <c r="FH63" s="185"/>
      <c r="FI63" s="185"/>
      <c r="FJ63" s="185"/>
      <c r="FK63" s="185"/>
      <c r="FL63" s="185"/>
      <c r="FM63" s="186"/>
      <c r="FN63" s="215">
        <f>SUM(FN39:GO62)</f>
        <v>1300000</v>
      </c>
      <c r="FO63" s="215"/>
      <c r="FP63" s="215"/>
      <c r="FQ63" s="215"/>
      <c r="FR63" s="215"/>
      <c r="FS63" s="215"/>
      <c r="FT63" s="215"/>
      <c r="FU63" s="215"/>
      <c r="FV63" s="215"/>
      <c r="FW63" s="215"/>
      <c r="FX63" s="215"/>
      <c r="FY63" s="215"/>
      <c r="FZ63" s="215"/>
      <c r="GA63" s="215"/>
      <c r="GB63" s="215"/>
      <c r="GC63" s="215"/>
      <c r="GD63" s="215"/>
      <c r="GE63" s="215"/>
      <c r="GF63" s="215"/>
      <c r="GG63" s="215"/>
      <c r="GH63" s="215"/>
      <c r="GI63" s="215"/>
      <c r="GJ63" s="215"/>
      <c r="GK63" s="215"/>
      <c r="GL63" s="215"/>
      <c r="GM63" s="215"/>
      <c r="GN63" s="215"/>
      <c r="GO63" s="215"/>
      <c r="GP63" s="423"/>
      <c r="GQ63" s="267" t="s">
        <v>33</v>
      </c>
      <c r="GR63" s="267"/>
      <c r="GS63" s="267"/>
      <c r="GT63" s="267"/>
      <c r="GU63" s="267"/>
      <c r="GV63" s="267"/>
      <c r="GW63" s="267"/>
      <c r="GX63" s="267"/>
      <c r="GY63" s="267"/>
      <c r="GZ63" s="267"/>
      <c r="HA63" s="267"/>
      <c r="HB63" s="267"/>
      <c r="HC63" s="267"/>
      <c r="HD63" s="267"/>
      <c r="HE63" s="267"/>
      <c r="HF63" s="267"/>
      <c r="HG63" s="267"/>
      <c r="HH63" s="267"/>
      <c r="HI63" s="267"/>
      <c r="HJ63" s="267"/>
      <c r="HK63" s="267"/>
      <c r="HL63" s="267"/>
      <c r="HM63" s="267"/>
      <c r="HN63" s="267"/>
      <c r="HO63" s="267"/>
      <c r="HP63" s="267"/>
      <c r="HQ63" s="425"/>
    </row>
    <row r="64" spans="2:225" ht="6" customHeight="1">
      <c r="EA64" s="59"/>
      <c r="EB64" s="59"/>
      <c r="EC64" s="59"/>
      <c r="ED64" s="187"/>
      <c r="EE64" s="188"/>
      <c r="EF64" s="188"/>
      <c r="EG64" s="188"/>
      <c r="EH64" s="188"/>
      <c r="EI64" s="188"/>
      <c r="EJ64" s="188"/>
      <c r="EK64" s="188"/>
      <c r="EL64" s="188"/>
      <c r="EM64" s="188"/>
      <c r="EN64" s="188"/>
      <c r="EO64" s="188"/>
      <c r="EP64" s="188"/>
      <c r="EQ64" s="188"/>
      <c r="ER64" s="188"/>
      <c r="ES64" s="188"/>
      <c r="ET64" s="188"/>
      <c r="EU64" s="188"/>
      <c r="EV64" s="188"/>
      <c r="EW64" s="188"/>
      <c r="EX64" s="188"/>
      <c r="EY64" s="188"/>
      <c r="EZ64" s="188"/>
      <c r="FA64" s="188"/>
      <c r="FB64" s="188"/>
      <c r="FC64" s="188"/>
      <c r="FD64" s="188"/>
      <c r="FE64" s="188"/>
      <c r="FF64" s="188"/>
      <c r="FG64" s="188"/>
      <c r="FH64" s="188"/>
      <c r="FI64" s="188"/>
      <c r="FJ64" s="188"/>
      <c r="FK64" s="188"/>
      <c r="FL64" s="188"/>
      <c r="FM64" s="189"/>
      <c r="FN64" s="215"/>
      <c r="FO64" s="215"/>
      <c r="FP64" s="215"/>
      <c r="FQ64" s="215"/>
      <c r="FR64" s="215"/>
      <c r="FS64" s="215"/>
      <c r="FT64" s="215"/>
      <c r="FU64" s="215"/>
      <c r="FV64" s="215"/>
      <c r="FW64" s="215"/>
      <c r="FX64" s="215"/>
      <c r="FY64" s="215"/>
      <c r="FZ64" s="215"/>
      <c r="GA64" s="215"/>
      <c r="GB64" s="215"/>
      <c r="GC64" s="215"/>
      <c r="GD64" s="215"/>
      <c r="GE64" s="215"/>
      <c r="GF64" s="215"/>
      <c r="GG64" s="215"/>
      <c r="GH64" s="215"/>
      <c r="GI64" s="215"/>
      <c r="GJ64" s="215"/>
      <c r="GK64" s="215"/>
      <c r="GL64" s="215"/>
      <c r="GM64" s="215"/>
      <c r="GN64" s="215"/>
      <c r="GO64" s="215"/>
      <c r="GP64" s="423"/>
      <c r="GQ64" s="270"/>
      <c r="GR64" s="270"/>
      <c r="GS64" s="270"/>
      <c r="GT64" s="270"/>
      <c r="GU64" s="270"/>
      <c r="GV64" s="270"/>
      <c r="GW64" s="270"/>
      <c r="GX64" s="270"/>
      <c r="GY64" s="270"/>
      <c r="GZ64" s="270"/>
      <c r="HA64" s="270"/>
      <c r="HB64" s="270"/>
      <c r="HC64" s="270"/>
      <c r="HD64" s="270"/>
      <c r="HE64" s="270"/>
      <c r="HF64" s="270"/>
      <c r="HG64" s="270"/>
      <c r="HH64" s="270"/>
      <c r="HI64" s="270"/>
      <c r="HJ64" s="270"/>
      <c r="HK64" s="270"/>
      <c r="HL64" s="270"/>
      <c r="HM64" s="270"/>
      <c r="HN64" s="270"/>
      <c r="HO64" s="270"/>
      <c r="HP64" s="270"/>
      <c r="HQ64" s="425"/>
    </row>
    <row r="65" spans="2:237" ht="6" customHeight="1">
      <c r="B65" s="85" t="s">
        <v>47</v>
      </c>
      <c r="C65" s="85"/>
      <c r="D65" s="85"/>
      <c r="E65" s="85"/>
      <c r="F65" s="85"/>
      <c r="G65" s="85"/>
      <c r="H65" s="85"/>
      <c r="I65" s="85"/>
      <c r="J65" s="85"/>
      <c r="K65" s="85"/>
      <c r="L65" s="85"/>
      <c r="M65" s="85"/>
      <c r="N65" s="85"/>
      <c r="O65" s="85"/>
      <c r="P65" s="85"/>
      <c r="Q65" s="85"/>
      <c r="R65" s="85"/>
      <c r="S65" s="85"/>
      <c r="T65" s="85"/>
      <c r="U65" s="85"/>
      <c r="V65" s="85"/>
      <c r="W65" s="85"/>
      <c r="X65" s="85"/>
      <c r="Y65" s="85"/>
      <c r="Z65" s="85" t="s">
        <v>48</v>
      </c>
      <c r="AA65" s="85"/>
      <c r="AB65" s="85"/>
      <c r="AC65" s="85"/>
      <c r="AD65" s="85"/>
      <c r="AE65" s="85"/>
      <c r="AF65" s="85"/>
      <c r="AG65" s="85"/>
      <c r="AH65" s="85"/>
      <c r="AI65" s="85"/>
      <c r="AJ65" s="85"/>
      <c r="AK65" s="85"/>
      <c r="AL65" s="85"/>
      <c r="AM65" s="85"/>
      <c r="AN65" s="85"/>
      <c r="AO65" s="85"/>
      <c r="AP65" s="85"/>
      <c r="AQ65" s="85"/>
      <c r="AR65" s="85"/>
      <c r="AS65" s="85"/>
      <c r="AT65" s="85"/>
      <c r="AU65" s="85"/>
      <c r="AV65" s="85"/>
      <c r="AW65" s="85"/>
      <c r="AX65" s="85"/>
      <c r="AY65" s="85"/>
      <c r="AZ65" s="85"/>
      <c r="BA65" s="85"/>
      <c r="BB65" s="85"/>
      <c r="BC65" s="85"/>
      <c r="BD65" s="85"/>
      <c r="BE65" s="85"/>
      <c r="BF65" s="85"/>
      <c r="BG65" s="85"/>
      <c r="BH65" s="85"/>
      <c r="BI65" s="85"/>
      <c r="BJ65" s="85"/>
      <c r="BK65" s="85"/>
      <c r="BL65" s="85"/>
      <c r="BM65" s="79" t="s">
        <v>50</v>
      </c>
      <c r="BN65" s="80"/>
      <c r="BO65" s="80"/>
      <c r="BP65" s="80"/>
      <c r="BQ65" s="80"/>
      <c r="BR65" s="80"/>
      <c r="BS65" s="80"/>
      <c r="BT65" s="80"/>
      <c r="BU65" s="80"/>
      <c r="BV65" s="80"/>
      <c r="BW65" s="80"/>
      <c r="BX65" s="80"/>
      <c r="BY65" s="80"/>
      <c r="BZ65" s="80"/>
      <c r="CA65" s="80"/>
      <c r="CB65" s="80"/>
      <c r="CC65" s="80"/>
      <c r="CD65" s="80"/>
      <c r="CE65" s="80"/>
      <c r="CF65" s="80"/>
      <c r="CG65" s="80"/>
      <c r="CH65" s="80"/>
      <c r="CI65" s="80"/>
      <c r="CJ65" s="80"/>
      <c r="CK65" s="80"/>
      <c r="CL65" s="80"/>
      <c r="CM65" s="80"/>
      <c r="CN65" s="80"/>
      <c r="CO65" s="80"/>
      <c r="CP65" s="81"/>
      <c r="CQ65" s="85" t="s">
        <v>49</v>
      </c>
      <c r="CR65" s="85"/>
      <c r="CS65" s="85"/>
      <c r="CT65" s="85"/>
      <c r="CU65" s="85"/>
      <c r="CV65" s="85"/>
      <c r="CW65" s="85"/>
      <c r="CX65" s="85"/>
      <c r="CY65" s="85"/>
      <c r="CZ65" s="85"/>
      <c r="DA65" s="85"/>
      <c r="DB65" s="85"/>
      <c r="DC65" s="85"/>
      <c r="DD65" s="85"/>
      <c r="DE65" s="85"/>
      <c r="DF65" s="85"/>
      <c r="DG65" s="85"/>
      <c r="DH65" s="85"/>
      <c r="DI65" s="85"/>
      <c r="DJ65" s="85"/>
      <c r="DK65" s="85"/>
      <c r="DL65" s="79" t="s">
        <v>51</v>
      </c>
      <c r="DM65" s="80"/>
      <c r="DN65" s="80"/>
      <c r="DO65" s="80"/>
      <c r="DP65" s="80"/>
      <c r="DQ65" s="80"/>
      <c r="DR65" s="80"/>
      <c r="DS65" s="80"/>
      <c r="DT65" s="80"/>
      <c r="DU65" s="80"/>
      <c r="DV65" s="80"/>
      <c r="DW65" s="80"/>
      <c r="DX65" s="80"/>
      <c r="DY65" s="80"/>
      <c r="DZ65" s="81"/>
      <c r="EA65" s="59"/>
      <c r="EB65" s="59"/>
      <c r="EC65" s="59"/>
      <c r="ED65" s="187"/>
      <c r="EE65" s="188"/>
      <c r="EF65" s="188"/>
      <c r="EG65" s="188"/>
      <c r="EH65" s="188"/>
      <c r="EI65" s="188"/>
      <c r="EJ65" s="188"/>
      <c r="EK65" s="188"/>
      <c r="EL65" s="188"/>
      <c r="EM65" s="188"/>
      <c r="EN65" s="188"/>
      <c r="EO65" s="188"/>
      <c r="EP65" s="188"/>
      <c r="EQ65" s="188"/>
      <c r="ER65" s="188"/>
      <c r="ES65" s="188"/>
      <c r="ET65" s="188"/>
      <c r="EU65" s="188"/>
      <c r="EV65" s="188"/>
      <c r="EW65" s="188"/>
      <c r="EX65" s="188"/>
      <c r="EY65" s="188"/>
      <c r="EZ65" s="188"/>
      <c r="FA65" s="188"/>
      <c r="FB65" s="188"/>
      <c r="FC65" s="188"/>
      <c r="FD65" s="188"/>
      <c r="FE65" s="188"/>
      <c r="FF65" s="188"/>
      <c r="FG65" s="188"/>
      <c r="FH65" s="188"/>
      <c r="FI65" s="188"/>
      <c r="FJ65" s="188"/>
      <c r="FK65" s="188"/>
      <c r="FL65" s="188"/>
      <c r="FM65" s="189"/>
      <c r="FN65" s="215"/>
      <c r="FO65" s="215"/>
      <c r="FP65" s="215"/>
      <c r="FQ65" s="215"/>
      <c r="FR65" s="215"/>
      <c r="FS65" s="215"/>
      <c r="FT65" s="215"/>
      <c r="FU65" s="215"/>
      <c r="FV65" s="215"/>
      <c r="FW65" s="215"/>
      <c r="FX65" s="215"/>
      <c r="FY65" s="215"/>
      <c r="FZ65" s="215"/>
      <c r="GA65" s="215"/>
      <c r="GB65" s="215"/>
      <c r="GC65" s="215"/>
      <c r="GD65" s="215"/>
      <c r="GE65" s="215"/>
      <c r="GF65" s="215"/>
      <c r="GG65" s="215"/>
      <c r="GH65" s="215"/>
      <c r="GI65" s="215"/>
      <c r="GJ65" s="215"/>
      <c r="GK65" s="215"/>
      <c r="GL65" s="215"/>
      <c r="GM65" s="215"/>
      <c r="GN65" s="215"/>
      <c r="GO65" s="215"/>
      <c r="GP65" s="423"/>
      <c r="GQ65" s="270"/>
      <c r="GR65" s="270"/>
      <c r="GS65" s="270"/>
      <c r="GT65" s="270"/>
      <c r="GU65" s="270"/>
      <c r="GV65" s="270"/>
      <c r="GW65" s="270"/>
      <c r="GX65" s="270"/>
      <c r="GY65" s="270"/>
      <c r="GZ65" s="270"/>
      <c r="HA65" s="270"/>
      <c r="HB65" s="270"/>
      <c r="HC65" s="270"/>
      <c r="HD65" s="270"/>
      <c r="HE65" s="270"/>
      <c r="HF65" s="270"/>
      <c r="HG65" s="270"/>
      <c r="HH65" s="270"/>
      <c r="HI65" s="270"/>
      <c r="HJ65" s="270"/>
      <c r="HK65" s="270"/>
      <c r="HL65" s="270"/>
      <c r="HM65" s="270"/>
      <c r="HN65" s="270"/>
      <c r="HO65" s="270"/>
      <c r="HP65" s="270"/>
      <c r="HQ65" s="425"/>
    </row>
    <row r="66" spans="2:237" ht="6" customHeight="1">
      <c r="B66" s="85"/>
      <c r="C66" s="85"/>
      <c r="D66" s="85"/>
      <c r="E66" s="85"/>
      <c r="F66" s="85"/>
      <c r="G66" s="85"/>
      <c r="H66" s="85"/>
      <c r="I66" s="85"/>
      <c r="J66" s="85"/>
      <c r="K66" s="85"/>
      <c r="L66" s="85"/>
      <c r="M66" s="85"/>
      <c r="N66" s="85"/>
      <c r="O66" s="85"/>
      <c r="P66" s="85"/>
      <c r="Q66" s="85"/>
      <c r="R66" s="85"/>
      <c r="S66" s="85"/>
      <c r="T66" s="85"/>
      <c r="U66" s="85"/>
      <c r="V66" s="85"/>
      <c r="W66" s="85"/>
      <c r="X66" s="85"/>
      <c r="Y66" s="85"/>
      <c r="Z66" s="85"/>
      <c r="AA66" s="85"/>
      <c r="AB66" s="85"/>
      <c r="AC66" s="85"/>
      <c r="AD66" s="85"/>
      <c r="AE66" s="85"/>
      <c r="AF66" s="85"/>
      <c r="AG66" s="85"/>
      <c r="AH66" s="85"/>
      <c r="AI66" s="85"/>
      <c r="AJ66" s="85"/>
      <c r="AK66" s="85"/>
      <c r="AL66" s="85"/>
      <c r="AM66" s="85"/>
      <c r="AN66" s="85"/>
      <c r="AO66" s="85"/>
      <c r="AP66" s="85"/>
      <c r="AQ66" s="85"/>
      <c r="AR66" s="85"/>
      <c r="AS66" s="85"/>
      <c r="AT66" s="85"/>
      <c r="AU66" s="85"/>
      <c r="AV66" s="85"/>
      <c r="AW66" s="85"/>
      <c r="AX66" s="85"/>
      <c r="AY66" s="85"/>
      <c r="AZ66" s="85"/>
      <c r="BA66" s="85"/>
      <c r="BB66" s="85"/>
      <c r="BC66" s="85"/>
      <c r="BD66" s="85"/>
      <c r="BE66" s="85"/>
      <c r="BF66" s="85"/>
      <c r="BG66" s="85"/>
      <c r="BH66" s="85"/>
      <c r="BI66" s="85"/>
      <c r="BJ66" s="85"/>
      <c r="BK66" s="85"/>
      <c r="BL66" s="85"/>
      <c r="BM66" s="82"/>
      <c r="BN66" s="83"/>
      <c r="BO66" s="83"/>
      <c r="BP66" s="83"/>
      <c r="BQ66" s="83"/>
      <c r="BR66" s="83"/>
      <c r="BS66" s="83"/>
      <c r="BT66" s="83"/>
      <c r="BU66" s="83"/>
      <c r="BV66" s="83"/>
      <c r="BW66" s="83"/>
      <c r="BX66" s="83"/>
      <c r="BY66" s="83"/>
      <c r="BZ66" s="83"/>
      <c r="CA66" s="83"/>
      <c r="CB66" s="83"/>
      <c r="CC66" s="83"/>
      <c r="CD66" s="83"/>
      <c r="CE66" s="83"/>
      <c r="CF66" s="83"/>
      <c r="CG66" s="83"/>
      <c r="CH66" s="83"/>
      <c r="CI66" s="83"/>
      <c r="CJ66" s="83"/>
      <c r="CK66" s="83"/>
      <c r="CL66" s="83"/>
      <c r="CM66" s="83"/>
      <c r="CN66" s="83"/>
      <c r="CO66" s="83"/>
      <c r="CP66" s="84"/>
      <c r="CQ66" s="85"/>
      <c r="CR66" s="85"/>
      <c r="CS66" s="85"/>
      <c r="CT66" s="85"/>
      <c r="CU66" s="85"/>
      <c r="CV66" s="85"/>
      <c r="CW66" s="85"/>
      <c r="CX66" s="85"/>
      <c r="CY66" s="85"/>
      <c r="CZ66" s="85"/>
      <c r="DA66" s="85"/>
      <c r="DB66" s="85"/>
      <c r="DC66" s="85"/>
      <c r="DD66" s="85"/>
      <c r="DE66" s="85"/>
      <c r="DF66" s="85"/>
      <c r="DG66" s="85"/>
      <c r="DH66" s="85"/>
      <c r="DI66" s="85"/>
      <c r="DJ66" s="85"/>
      <c r="DK66" s="85"/>
      <c r="DL66" s="172"/>
      <c r="DM66" s="173"/>
      <c r="DN66" s="173"/>
      <c r="DO66" s="173"/>
      <c r="DP66" s="173"/>
      <c r="DQ66" s="173"/>
      <c r="DR66" s="173"/>
      <c r="DS66" s="173"/>
      <c r="DT66" s="173"/>
      <c r="DU66" s="173"/>
      <c r="DV66" s="173"/>
      <c r="DW66" s="173"/>
      <c r="DX66" s="173"/>
      <c r="DY66" s="173"/>
      <c r="DZ66" s="174"/>
      <c r="EA66" s="56"/>
      <c r="EB66" s="59"/>
      <c r="EC66" s="59"/>
      <c r="ED66" s="190"/>
      <c r="EE66" s="191"/>
      <c r="EF66" s="191"/>
      <c r="EG66" s="191"/>
      <c r="EH66" s="191"/>
      <c r="EI66" s="191"/>
      <c r="EJ66" s="191"/>
      <c r="EK66" s="191"/>
      <c r="EL66" s="191"/>
      <c r="EM66" s="191"/>
      <c r="EN66" s="191"/>
      <c r="EO66" s="191"/>
      <c r="EP66" s="191"/>
      <c r="EQ66" s="191"/>
      <c r="ER66" s="191"/>
      <c r="ES66" s="191"/>
      <c r="ET66" s="191"/>
      <c r="EU66" s="191"/>
      <c r="EV66" s="191"/>
      <c r="EW66" s="191"/>
      <c r="EX66" s="191"/>
      <c r="EY66" s="191"/>
      <c r="EZ66" s="191"/>
      <c r="FA66" s="191"/>
      <c r="FB66" s="191"/>
      <c r="FC66" s="191"/>
      <c r="FD66" s="191"/>
      <c r="FE66" s="191"/>
      <c r="FF66" s="191"/>
      <c r="FG66" s="191"/>
      <c r="FH66" s="191"/>
      <c r="FI66" s="191"/>
      <c r="FJ66" s="191"/>
      <c r="FK66" s="191"/>
      <c r="FL66" s="191"/>
      <c r="FM66" s="192"/>
      <c r="FN66" s="215"/>
      <c r="FO66" s="215"/>
      <c r="FP66" s="215"/>
      <c r="FQ66" s="215"/>
      <c r="FR66" s="215"/>
      <c r="FS66" s="215"/>
      <c r="FT66" s="215"/>
      <c r="FU66" s="215"/>
      <c r="FV66" s="215"/>
      <c r="FW66" s="215"/>
      <c r="FX66" s="215"/>
      <c r="FY66" s="215"/>
      <c r="FZ66" s="215"/>
      <c r="GA66" s="215"/>
      <c r="GB66" s="215"/>
      <c r="GC66" s="215"/>
      <c r="GD66" s="215"/>
      <c r="GE66" s="215"/>
      <c r="GF66" s="215"/>
      <c r="GG66" s="215"/>
      <c r="GH66" s="215"/>
      <c r="GI66" s="215"/>
      <c r="GJ66" s="215"/>
      <c r="GK66" s="215"/>
      <c r="GL66" s="215"/>
      <c r="GM66" s="215"/>
      <c r="GN66" s="215"/>
      <c r="GO66" s="215"/>
      <c r="GP66" s="423"/>
      <c r="GQ66" s="424"/>
      <c r="GR66" s="424"/>
      <c r="GS66" s="424"/>
      <c r="GT66" s="424"/>
      <c r="GU66" s="424"/>
      <c r="GV66" s="424"/>
      <c r="GW66" s="424"/>
      <c r="GX66" s="424"/>
      <c r="GY66" s="424"/>
      <c r="GZ66" s="424"/>
      <c r="HA66" s="424"/>
      <c r="HB66" s="424"/>
      <c r="HC66" s="424"/>
      <c r="HD66" s="424"/>
      <c r="HE66" s="424"/>
      <c r="HF66" s="424"/>
      <c r="HG66" s="424"/>
      <c r="HH66" s="424"/>
      <c r="HI66" s="424"/>
      <c r="HJ66" s="424"/>
      <c r="HK66" s="424"/>
      <c r="HL66" s="424"/>
      <c r="HM66" s="424"/>
      <c r="HN66" s="424"/>
      <c r="HO66" s="424"/>
      <c r="HP66" s="424"/>
      <c r="HQ66" s="425"/>
    </row>
    <row r="67" spans="2:237" ht="6" customHeight="1">
      <c r="B67" s="171" t="s">
        <v>52</v>
      </c>
      <c r="C67" s="171"/>
      <c r="D67" s="171"/>
      <c r="E67" s="171"/>
      <c r="F67" s="171"/>
      <c r="G67" s="171"/>
      <c r="H67" s="171" t="s">
        <v>53</v>
      </c>
      <c r="I67" s="171"/>
      <c r="J67" s="171"/>
      <c r="K67" s="171"/>
      <c r="L67" s="171"/>
      <c r="M67" s="171"/>
      <c r="N67" s="171" t="s">
        <v>54</v>
      </c>
      <c r="O67" s="171"/>
      <c r="P67" s="171"/>
      <c r="Q67" s="171"/>
      <c r="R67" s="171"/>
      <c r="S67" s="171"/>
      <c r="T67" s="171" t="s">
        <v>55</v>
      </c>
      <c r="U67" s="171"/>
      <c r="V67" s="171"/>
      <c r="W67" s="171"/>
      <c r="X67" s="171"/>
      <c r="Y67" s="171"/>
      <c r="Z67" s="86"/>
      <c r="AA67" s="87"/>
      <c r="AB67" s="87"/>
      <c r="AC67" s="87"/>
      <c r="AD67" s="87"/>
      <c r="AE67" s="87"/>
      <c r="AF67" s="87"/>
      <c r="AG67" s="87"/>
      <c r="AH67" s="87"/>
      <c r="AI67" s="87"/>
      <c r="AJ67" s="87"/>
      <c r="AK67" s="87"/>
      <c r="AL67" s="87"/>
      <c r="AM67" s="87"/>
      <c r="AN67" s="87"/>
      <c r="AO67" s="87"/>
      <c r="AP67" s="87"/>
      <c r="AQ67" s="87"/>
      <c r="AR67" s="87"/>
      <c r="AS67" s="87"/>
      <c r="AT67" s="87"/>
      <c r="AU67" s="87"/>
      <c r="AV67" s="87"/>
      <c r="AW67" s="87"/>
      <c r="AX67" s="87"/>
      <c r="AY67" s="87"/>
      <c r="AZ67" s="87"/>
      <c r="BA67" s="87"/>
      <c r="BB67" s="87"/>
      <c r="BC67" s="87"/>
      <c r="BD67" s="87"/>
      <c r="BE67" s="87"/>
      <c r="BF67" s="87"/>
      <c r="BG67" s="87"/>
      <c r="BH67" s="87"/>
      <c r="BI67" s="87"/>
      <c r="BJ67" s="87"/>
      <c r="BK67" s="87"/>
      <c r="BL67" s="88"/>
      <c r="BM67" s="95"/>
      <c r="BN67" s="76"/>
      <c r="BO67" s="76"/>
      <c r="BP67" s="76"/>
      <c r="BQ67" s="76"/>
      <c r="BR67" s="76"/>
      <c r="BS67" s="76"/>
      <c r="BT67" s="76"/>
      <c r="BU67" s="76"/>
      <c r="BV67" s="76"/>
      <c r="BW67" s="76"/>
      <c r="BX67" s="76"/>
      <c r="BY67" s="76"/>
      <c r="BZ67" s="76"/>
      <c r="CA67" s="76"/>
      <c r="CB67" s="76"/>
      <c r="CC67" s="76"/>
      <c r="CD67" s="76"/>
      <c r="CE67" s="76"/>
      <c r="CF67" s="76"/>
      <c r="CG67" s="76"/>
      <c r="CH67" s="76"/>
      <c r="CI67" s="76"/>
      <c r="CJ67" s="76"/>
      <c r="CK67" s="76"/>
      <c r="CL67" s="76"/>
      <c r="CM67" s="76"/>
      <c r="CN67" s="76"/>
      <c r="CO67" s="76"/>
      <c r="CP67" s="107"/>
      <c r="CQ67" s="98"/>
      <c r="CR67" s="99"/>
      <c r="CS67" s="99"/>
      <c r="CT67" s="99"/>
      <c r="CU67" s="99"/>
      <c r="CV67" s="99"/>
      <c r="CW67" s="99"/>
      <c r="CX67" s="99"/>
      <c r="CY67" s="99"/>
      <c r="CZ67" s="99"/>
      <c r="DA67" s="99"/>
      <c r="DB67" s="99"/>
      <c r="DC67" s="99"/>
      <c r="DD67" s="99"/>
      <c r="DE67" s="99"/>
      <c r="DF67" s="99"/>
      <c r="DG67" s="99"/>
      <c r="DH67" s="99"/>
      <c r="DI67" s="99"/>
      <c r="DJ67" s="99"/>
      <c r="DK67" s="100"/>
      <c r="DL67" s="86"/>
      <c r="DM67" s="87"/>
      <c r="DN67" s="87"/>
      <c r="DO67" s="87"/>
      <c r="DP67" s="87"/>
      <c r="DQ67" s="87"/>
      <c r="DR67" s="87"/>
      <c r="DS67" s="87"/>
      <c r="DT67" s="87"/>
      <c r="DU67" s="87"/>
      <c r="DV67" s="87"/>
      <c r="DW67" s="87"/>
      <c r="DX67" s="87"/>
      <c r="DY67" s="87"/>
      <c r="DZ67" s="88"/>
      <c r="EA67" s="56"/>
      <c r="EB67" s="56"/>
      <c r="EC67" s="56"/>
      <c r="ED67" s="184" t="s">
        <v>45</v>
      </c>
      <c r="EE67" s="185"/>
      <c r="EF67" s="185"/>
      <c r="EG67" s="185"/>
      <c r="EH67" s="185"/>
      <c r="EI67" s="185"/>
      <c r="EJ67" s="185"/>
      <c r="EK67" s="185"/>
      <c r="EL67" s="185"/>
      <c r="EM67" s="185"/>
      <c r="EN67" s="185"/>
      <c r="EO67" s="185"/>
      <c r="EP67" s="185"/>
      <c r="EQ67" s="185"/>
      <c r="ER67" s="185"/>
      <c r="ES67" s="185"/>
      <c r="ET67" s="185"/>
      <c r="EU67" s="185"/>
      <c r="EV67" s="185"/>
      <c r="EW67" s="185"/>
      <c r="EX67" s="185"/>
      <c r="EY67" s="185"/>
      <c r="EZ67" s="185"/>
      <c r="FA67" s="185"/>
      <c r="FB67" s="185"/>
      <c r="FC67" s="185"/>
      <c r="FD67" s="185"/>
      <c r="FE67" s="185"/>
      <c r="FF67" s="185"/>
      <c r="FG67" s="185"/>
      <c r="FH67" s="185"/>
      <c r="FI67" s="185"/>
      <c r="FJ67" s="185"/>
      <c r="FK67" s="185"/>
      <c r="FL67" s="185"/>
      <c r="FM67" s="186"/>
      <c r="FN67" s="215">
        <f>SUM(GP39:HQ62)</f>
        <v>220000</v>
      </c>
      <c r="FO67" s="215"/>
      <c r="FP67" s="215"/>
      <c r="FQ67" s="215"/>
      <c r="FR67" s="215"/>
      <c r="FS67" s="215"/>
      <c r="FT67" s="215"/>
      <c r="FU67" s="215"/>
      <c r="FV67" s="215"/>
      <c r="FW67" s="215"/>
      <c r="FX67" s="215"/>
      <c r="FY67" s="215"/>
      <c r="FZ67" s="215"/>
      <c r="GA67" s="215"/>
      <c r="GB67" s="215"/>
      <c r="GC67" s="215"/>
      <c r="GD67" s="215"/>
      <c r="GE67" s="215"/>
      <c r="GF67" s="215"/>
      <c r="GG67" s="215"/>
      <c r="GH67" s="215"/>
      <c r="GI67" s="215"/>
      <c r="GJ67" s="215"/>
      <c r="GK67" s="215"/>
      <c r="GL67" s="215"/>
      <c r="GM67" s="215"/>
      <c r="GN67" s="215"/>
      <c r="GO67" s="215"/>
      <c r="GP67" s="423"/>
      <c r="GQ67" s="267" t="s">
        <v>34</v>
      </c>
      <c r="GR67" s="267"/>
      <c r="GS67" s="267"/>
      <c r="GT67" s="267"/>
      <c r="GU67" s="267"/>
      <c r="GV67" s="267"/>
      <c r="GW67" s="267"/>
      <c r="GX67" s="267"/>
      <c r="GY67" s="267"/>
      <c r="GZ67" s="267"/>
      <c r="HA67" s="267"/>
      <c r="HB67" s="267"/>
      <c r="HC67" s="267"/>
      <c r="HD67" s="267"/>
      <c r="HE67" s="267"/>
      <c r="HF67" s="267"/>
      <c r="HG67" s="267"/>
      <c r="HH67" s="267"/>
      <c r="HI67" s="267"/>
      <c r="HJ67" s="267"/>
      <c r="HK67" s="267"/>
      <c r="HL67" s="267"/>
      <c r="HM67" s="267"/>
      <c r="HN67" s="267"/>
      <c r="HO67" s="267"/>
      <c r="HP67" s="267"/>
      <c r="HQ67" s="425"/>
    </row>
    <row r="68" spans="2:237" ht="6" customHeight="1">
      <c r="B68" s="171"/>
      <c r="C68" s="171"/>
      <c r="D68" s="171"/>
      <c r="E68" s="171"/>
      <c r="F68" s="171"/>
      <c r="G68" s="171"/>
      <c r="H68" s="171"/>
      <c r="I68" s="171"/>
      <c r="J68" s="171"/>
      <c r="K68" s="171"/>
      <c r="L68" s="171"/>
      <c r="M68" s="171"/>
      <c r="N68" s="171"/>
      <c r="O68" s="171"/>
      <c r="P68" s="171"/>
      <c r="Q68" s="171"/>
      <c r="R68" s="171"/>
      <c r="S68" s="171"/>
      <c r="T68" s="171"/>
      <c r="U68" s="171"/>
      <c r="V68" s="171"/>
      <c r="W68" s="171"/>
      <c r="X68" s="171"/>
      <c r="Y68" s="171"/>
      <c r="Z68" s="89"/>
      <c r="AA68" s="90"/>
      <c r="AB68" s="90"/>
      <c r="AC68" s="90"/>
      <c r="AD68" s="90"/>
      <c r="AE68" s="90"/>
      <c r="AF68" s="90"/>
      <c r="AG68" s="90"/>
      <c r="AH68" s="90"/>
      <c r="AI68" s="90"/>
      <c r="AJ68" s="90"/>
      <c r="AK68" s="90"/>
      <c r="AL68" s="90"/>
      <c r="AM68" s="90"/>
      <c r="AN68" s="90"/>
      <c r="AO68" s="90"/>
      <c r="AP68" s="90"/>
      <c r="AQ68" s="90"/>
      <c r="AR68" s="90"/>
      <c r="AS68" s="90"/>
      <c r="AT68" s="90"/>
      <c r="AU68" s="90"/>
      <c r="AV68" s="90"/>
      <c r="AW68" s="90"/>
      <c r="AX68" s="90"/>
      <c r="AY68" s="90"/>
      <c r="AZ68" s="90"/>
      <c r="BA68" s="90"/>
      <c r="BB68" s="90"/>
      <c r="BC68" s="90"/>
      <c r="BD68" s="90"/>
      <c r="BE68" s="90"/>
      <c r="BF68" s="90"/>
      <c r="BG68" s="90"/>
      <c r="BH68" s="90"/>
      <c r="BI68" s="90"/>
      <c r="BJ68" s="90"/>
      <c r="BK68" s="90"/>
      <c r="BL68" s="91"/>
      <c r="BM68" s="96"/>
      <c r="BN68" s="77"/>
      <c r="BO68" s="77"/>
      <c r="BP68" s="77"/>
      <c r="BQ68" s="77"/>
      <c r="BR68" s="77"/>
      <c r="BS68" s="77"/>
      <c r="BT68" s="77"/>
      <c r="BU68" s="77"/>
      <c r="BV68" s="77"/>
      <c r="BW68" s="77"/>
      <c r="BX68" s="77"/>
      <c r="BY68" s="77"/>
      <c r="BZ68" s="77"/>
      <c r="CA68" s="77"/>
      <c r="CB68" s="77"/>
      <c r="CC68" s="77"/>
      <c r="CD68" s="77"/>
      <c r="CE68" s="77"/>
      <c r="CF68" s="77"/>
      <c r="CG68" s="77"/>
      <c r="CH68" s="77"/>
      <c r="CI68" s="77"/>
      <c r="CJ68" s="77"/>
      <c r="CK68" s="77"/>
      <c r="CL68" s="77"/>
      <c r="CM68" s="77"/>
      <c r="CN68" s="77"/>
      <c r="CO68" s="77"/>
      <c r="CP68" s="108"/>
      <c r="CQ68" s="101"/>
      <c r="CR68" s="102"/>
      <c r="CS68" s="102"/>
      <c r="CT68" s="102"/>
      <c r="CU68" s="102"/>
      <c r="CV68" s="102"/>
      <c r="CW68" s="102"/>
      <c r="CX68" s="102"/>
      <c r="CY68" s="102"/>
      <c r="CZ68" s="102"/>
      <c r="DA68" s="102"/>
      <c r="DB68" s="102"/>
      <c r="DC68" s="102"/>
      <c r="DD68" s="102"/>
      <c r="DE68" s="102"/>
      <c r="DF68" s="102"/>
      <c r="DG68" s="102"/>
      <c r="DH68" s="102"/>
      <c r="DI68" s="102"/>
      <c r="DJ68" s="102"/>
      <c r="DK68" s="103"/>
      <c r="DL68" s="89"/>
      <c r="DM68" s="90"/>
      <c r="DN68" s="90"/>
      <c r="DO68" s="90"/>
      <c r="DP68" s="90"/>
      <c r="DQ68" s="90"/>
      <c r="DR68" s="90"/>
      <c r="DS68" s="90"/>
      <c r="DT68" s="90"/>
      <c r="DU68" s="90"/>
      <c r="DV68" s="90"/>
      <c r="DW68" s="90"/>
      <c r="DX68" s="90"/>
      <c r="DY68" s="90"/>
      <c r="DZ68" s="91"/>
      <c r="EA68" s="56"/>
      <c r="EB68" s="56"/>
      <c r="EC68" s="56"/>
      <c r="ED68" s="187"/>
      <c r="EE68" s="188"/>
      <c r="EF68" s="188"/>
      <c r="EG68" s="188"/>
      <c r="EH68" s="188"/>
      <c r="EI68" s="188"/>
      <c r="EJ68" s="188"/>
      <c r="EK68" s="188"/>
      <c r="EL68" s="188"/>
      <c r="EM68" s="188"/>
      <c r="EN68" s="188"/>
      <c r="EO68" s="188"/>
      <c r="EP68" s="188"/>
      <c r="EQ68" s="188"/>
      <c r="ER68" s="188"/>
      <c r="ES68" s="188"/>
      <c r="ET68" s="188"/>
      <c r="EU68" s="188"/>
      <c r="EV68" s="188"/>
      <c r="EW68" s="188"/>
      <c r="EX68" s="188"/>
      <c r="EY68" s="188"/>
      <c r="EZ68" s="188"/>
      <c r="FA68" s="188"/>
      <c r="FB68" s="188"/>
      <c r="FC68" s="188"/>
      <c r="FD68" s="188"/>
      <c r="FE68" s="188"/>
      <c r="FF68" s="188"/>
      <c r="FG68" s="188"/>
      <c r="FH68" s="188"/>
      <c r="FI68" s="188"/>
      <c r="FJ68" s="188"/>
      <c r="FK68" s="188"/>
      <c r="FL68" s="188"/>
      <c r="FM68" s="189"/>
      <c r="FN68" s="215"/>
      <c r="FO68" s="215"/>
      <c r="FP68" s="215"/>
      <c r="FQ68" s="215"/>
      <c r="FR68" s="215"/>
      <c r="FS68" s="215"/>
      <c r="FT68" s="215"/>
      <c r="FU68" s="215"/>
      <c r="FV68" s="215"/>
      <c r="FW68" s="215"/>
      <c r="FX68" s="215"/>
      <c r="FY68" s="215"/>
      <c r="FZ68" s="215"/>
      <c r="GA68" s="215"/>
      <c r="GB68" s="215"/>
      <c r="GC68" s="215"/>
      <c r="GD68" s="215"/>
      <c r="GE68" s="215"/>
      <c r="GF68" s="215"/>
      <c r="GG68" s="215"/>
      <c r="GH68" s="215"/>
      <c r="GI68" s="215"/>
      <c r="GJ68" s="215"/>
      <c r="GK68" s="215"/>
      <c r="GL68" s="215"/>
      <c r="GM68" s="215"/>
      <c r="GN68" s="215"/>
      <c r="GO68" s="215"/>
      <c r="GP68" s="423"/>
      <c r="GQ68" s="270"/>
      <c r="GR68" s="270"/>
      <c r="GS68" s="270"/>
      <c r="GT68" s="270"/>
      <c r="GU68" s="270"/>
      <c r="GV68" s="270"/>
      <c r="GW68" s="270"/>
      <c r="GX68" s="270"/>
      <c r="GY68" s="270"/>
      <c r="GZ68" s="270"/>
      <c r="HA68" s="270"/>
      <c r="HB68" s="270"/>
      <c r="HC68" s="270"/>
      <c r="HD68" s="270"/>
      <c r="HE68" s="270"/>
      <c r="HF68" s="270"/>
      <c r="HG68" s="270"/>
      <c r="HH68" s="270"/>
      <c r="HI68" s="270"/>
      <c r="HJ68" s="270"/>
      <c r="HK68" s="270"/>
      <c r="HL68" s="270"/>
      <c r="HM68" s="270"/>
      <c r="HN68" s="270"/>
      <c r="HO68" s="270"/>
      <c r="HP68" s="270"/>
      <c r="HQ68" s="425"/>
    </row>
    <row r="69" spans="2:237" ht="6" customHeight="1">
      <c r="B69" s="171"/>
      <c r="C69" s="171"/>
      <c r="D69" s="171"/>
      <c r="E69" s="171"/>
      <c r="F69" s="171"/>
      <c r="G69" s="171"/>
      <c r="H69" s="171"/>
      <c r="I69" s="171"/>
      <c r="J69" s="171"/>
      <c r="K69" s="171"/>
      <c r="L69" s="171"/>
      <c r="M69" s="171"/>
      <c r="N69" s="171"/>
      <c r="O69" s="171"/>
      <c r="P69" s="171"/>
      <c r="Q69" s="171"/>
      <c r="R69" s="171"/>
      <c r="S69" s="171"/>
      <c r="T69" s="171"/>
      <c r="U69" s="171"/>
      <c r="V69" s="171"/>
      <c r="W69" s="171"/>
      <c r="X69" s="171"/>
      <c r="Y69" s="171"/>
      <c r="Z69" s="89"/>
      <c r="AA69" s="90"/>
      <c r="AB69" s="90"/>
      <c r="AC69" s="90"/>
      <c r="AD69" s="90"/>
      <c r="AE69" s="90"/>
      <c r="AF69" s="90"/>
      <c r="AG69" s="90"/>
      <c r="AH69" s="90"/>
      <c r="AI69" s="90"/>
      <c r="AJ69" s="90"/>
      <c r="AK69" s="90"/>
      <c r="AL69" s="90"/>
      <c r="AM69" s="90"/>
      <c r="AN69" s="90"/>
      <c r="AO69" s="90"/>
      <c r="AP69" s="90"/>
      <c r="AQ69" s="90"/>
      <c r="AR69" s="90"/>
      <c r="AS69" s="90"/>
      <c r="AT69" s="90"/>
      <c r="AU69" s="90"/>
      <c r="AV69" s="90"/>
      <c r="AW69" s="90"/>
      <c r="AX69" s="90"/>
      <c r="AY69" s="90"/>
      <c r="AZ69" s="90"/>
      <c r="BA69" s="90"/>
      <c r="BB69" s="90"/>
      <c r="BC69" s="90"/>
      <c r="BD69" s="90"/>
      <c r="BE69" s="90"/>
      <c r="BF69" s="90"/>
      <c r="BG69" s="90"/>
      <c r="BH69" s="90"/>
      <c r="BI69" s="90"/>
      <c r="BJ69" s="90"/>
      <c r="BK69" s="90"/>
      <c r="BL69" s="91"/>
      <c r="BM69" s="96"/>
      <c r="BN69" s="77"/>
      <c r="BO69" s="77"/>
      <c r="BP69" s="77"/>
      <c r="BQ69" s="77"/>
      <c r="BR69" s="77"/>
      <c r="BS69" s="77"/>
      <c r="BT69" s="77"/>
      <c r="BU69" s="77"/>
      <c r="BV69" s="77"/>
      <c r="BW69" s="77"/>
      <c r="BX69" s="77"/>
      <c r="BY69" s="77"/>
      <c r="BZ69" s="77"/>
      <c r="CA69" s="77"/>
      <c r="CB69" s="77"/>
      <c r="CC69" s="77"/>
      <c r="CD69" s="77"/>
      <c r="CE69" s="77"/>
      <c r="CF69" s="77"/>
      <c r="CG69" s="77"/>
      <c r="CH69" s="77"/>
      <c r="CI69" s="77"/>
      <c r="CJ69" s="77"/>
      <c r="CK69" s="77"/>
      <c r="CL69" s="77"/>
      <c r="CM69" s="77"/>
      <c r="CN69" s="77"/>
      <c r="CO69" s="77"/>
      <c r="CP69" s="108"/>
      <c r="CQ69" s="101"/>
      <c r="CR69" s="102"/>
      <c r="CS69" s="102"/>
      <c r="CT69" s="102"/>
      <c r="CU69" s="102"/>
      <c r="CV69" s="102"/>
      <c r="CW69" s="102"/>
      <c r="CX69" s="102"/>
      <c r="CY69" s="102"/>
      <c r="CZ69" s="102"/>
      <c r="DA69" s="102"/>
      <c r="DB69" s="102"/>
      <c r="DC69" s="102"/>
      <c r="DD69" s="102"/>
      <c r="DE69" s="102"/>
      <c r="DF69" s="102"/>
      <c r="DG69" s="102"/>
      <c r="DH69" s="102"/>
      <c r="DI69" s="102"/>
      <c r="DJ69" s="102"/>
      <c r="DK69" s="103"/>
      <c r="DL69" s="89"/>
      <c r="DM69" s="90"/>
      <c r="DN69" s="90"/>
      <c r="DO69" s="90"/>
      <c r="DP69" s="90"/>
      <c r="DQ69" s="90"/>
      <c r="DR69" s="90"/>
      <c r="DS69" s="90"/>
      <c r="DT69" s="90"/>
      <c r="DU69" s="90"/>
      <c r="DV69" s="90"/>
      <c r="DW69" s="90"/>
      <c r="DX69" s="90"/>
      <c r="DY69" s="90"/>
      <c r="DZ69" s="91"/>
      <c r="EA69" s="56"/>
      <c r="EB69" s="56"/>
      <c r="EC69" s="56"/>
      <c r="ED69" s="187"/>
      <c r="EE69" s="188"/>
      <c r="EF69" s="188"/>
      <c r="EG69" s="188"/>
      <c r="EH69" s="188"/>
      <c r="EI69" s="188"/>
      <c r="EJ69" s="188"/>
      <c r="EK69" s="188"/>
      <c r="EL69" s="188"/>
      <c r="EM69" s="188"/>
      <c r="EN69" s="188"/>
      <c r="EO69" s="188"/>
      <c r="EP69" s="188"/>
      <c r="EQ69" s="188"/>
      <c r="ER69" s="188"/>
      <c r="ES69" s="188"/>
      <c r="ET69" s="188"/>
      <c r="EU69" s="188"/>
      <c r="EV69" s="188"/>
      <c r="EW69" s="188"/>
      <c r="EX69" s="188"/>
      <c r="EY69" s="188"/>
      <c r="EZ69" s="188"/>
      <c r="FA69" s="188"/>
      <c r="FB69" s="188"/>
      <c r="FC69" s="188"/>
      <c r="FD69" s="188"/>
      <c r="FE69" s="188"/>
      <c r="FF69" s="188"/>
      <c r="FG69" s="188"/>
      <c r="FH69" s="188"/>
      <c r="FI69" s="188"/>
      <c r="FJ69" s="188"/>
      <c r="FK69" s="188"/>
      <c r="FL69" s="188"/>
      <c r="FM69" s="189"/>
      <c r="FN69" s="215"/>
      <c r="FO69" s="215"/>
      <c r="FP69" s="215"/>
      <c r="FQ69" s="215"/>
      <c r="FR69" s="215"/>
      <c r="FS69" s="215"/>
      <c r="FT69" s="215"/>
      <c r="FU69" s="215"/>
      <c r="FV69" s="215"/>
      <c r="FW69" s="215"/>
      <c r="FX69" s="215"/>
      <c r="FY69" s="215"/>
      <c r="FZ69" s="215"/>
      <c r="GA69" s="215"/>
      <c r="GB69" s="215"/>
      <c r="GC69" s="215"/>
      <c r="GD69" s="215"/>
      <c r="GE69" s="215"/>
      <c r="GF69" s="215"/>
      <c r="GG69" s="215"/>
      <c r="GH69" s="215"/>
      <c r="GI69" s="215"/>
      <c r="GJ69" s="215"/>
      <c r="GK69" s="215"/>
      <c r="GL69" s="215"/>
      <c r="GM69" s="215"/>
      <c r="GN69" s="215"/>
      <c r="GO69" s="215"/>
      <c r="GP69" s="423"/>
      <c r="GQ69" s="270"/>
      <c r="GR69" s="270"/>
      <c r="GS69" s="270"/>
      <c r="GT69" s="270"/>
      <c r="GU69" s="270"/>
      <c r="GV69" s="270"/>
      <c r="GW69" s="270"/>
      <c r="GX69" s="270"/>
      <c r="GY69" s="270"/>
      <c r="GZ69" s="270"/>
      <c r="HA69" s="270"/>
      <c r="HB69" s="270"/>
      <c r="HC69" s="270"/>
      <c r="HD69" s="270"/>
      <c r="HE69" s="270"/>
      <c r="HF69" s="270"/>
      <c r="HG69" s="270"/>
      <c r="HH69" s="270"/>
      <c r="HI69" s="270"/>
      <c r="HJ69" s="270"/>
      <c r="HK69" s="270"/>
      <c r="HL69" s="270"/>
      <c r="HM69" s="270"/>
      <c r="HN69" s="270"/>
      <c r="HO69" s="270"/>
      <c r="HP69" s="270"/>
      <c r="HQ69" s="425"/>
    </row>
    <row r="70" spans="2:237" ht="6" customHeight="1">
      <c r="B70" s="171"/>
      <c r="C70" s="171"/>
      <c r="D70" s="171"/>
      <c r="E70" s="171"/>
      <c r="F70" s="171"/>
      <c r="G70" s="171"/>
      <c r="H70" s="171"/>
      <c r="I70" s="171"/>
      <c r="J70" s="171"/>
      <c r="K70" s="171"/>
      <c r="L70" s="171"/>
      <c r="M70" s="171"/>
      <c r="N70" s="171"/>
      <c r="O70" s="171"/>
      <c r="P70" s="171"/>
      <c r="Q70" s="171"/>
      <c r="R70" s="171"/>
      <c r="S70" s="171"/>
      <c r="T70" s="171"/>
      <c r="U70" s="171"/>
      <c r="V70" s="171"/>
      <c r="W70" s="171"/>
      <c r="X70" s="171"/>
      <c r="Y70" s="171"/>
      <c r="Z70" s="92"/>
      <c r="AA70" s="93"/>
      <c r="AB70" s="93"/>
      <c r="AC70" s="93"/>
      <c r="AD70" s="93"/>
      <c r="AE70" s="93"/>
      <c r="AF70" s="93"/>
      <c r="AG70" s="93"/>
      <c r="AH70" s="93"/>
      <c r="AI70" s="93"/>
      <c r="AJ70" s="93"/>
      <c r="AK70" s="93"/>
      <c r="AL70" s="93"/>
      <c r="AM70" s="93"/>
      <c r="AN70" s="93"/>
      <c r="AO70" s="93"/>
      <c r="AP70" s="93"/>
      <c r="AQ70" s="93"/>
      <c r="AR70" s="93"/>
      <c r="AS70" s="93"/>
      <c r="AT70" s="93"/>
      <c r="AU70" s="93"/>
      <c r="AV70" s="93"/>
      <c r="AW70" s="93"/>
      <c r="AX70" s="93"/>
      <c r="AY70" s="93"/>
      <c r="AZ70" s="93"/>
      <c r="BA70" s="93"/>
      <c r="BB70" s="93"/>
      <c r="BC70" s="93"/>
      <c r="BD70" s="93"/>
      <c r="BE70" s="93"/>
      <c r="BF70" s="93"/>
      <c r="BG70" s="93"/>
      <c r="BH70" s="93"/>
      <c r="BI70" s="93"/>
      <c r="BJ70" s="93"/>
      <c r="BK70" s="93"/>
      <c r="BL70" s="94"/>
      <c r="BM70" s="97"/>
      <c r="BN70" s="78"/>
      <c r="BO70" s="78"/>
      <c r="BP70" s="78"/>
      <c r="BQ70" s="78"/>
      <c r="BR70" s="78"/>
      <c r="BS70" s="78"/>
      <c r="BT70" s="78"/>
      <c r="BU70" s="78"/>
      <c r="BV70" s="78"/>
      <c r="BW70" s="78"/>
      <c r="BX70" s="78"/>
      <c r="BY70" s="78"/>
      <c r="BZ70" s="78"/>
      <c r="CA70" s="78"/>
      <c r="CB70" s="78"/>
      <c r="CC70" s="78"/>
      <c r="CD70" s="78"/>
      <c r="CE70" s="78"/>
      <c r="CF70" s="78"/>
      <c r="CG70" s="78"/>
      <c r="CH70" s="78"/>
      <c r="CI70" s="78"/>
      <c r="CJ70" s="78"/>
      <c r="CK70" s="78"/>
      <c r="CL70" s="78"/>
      <c r="CM70" s="78"/>
      <c r="CN70" s="78"/>
      <c r="CO70" s="78"/>
      <c r="CP70" s="109"/>
      <c r="CQ70" s="104"/>
      <c r="CR70" s="105"/>
      <c r="CS70" s="105"/>
      <c r="CT70" s="105"/>
      <c r="CU70" s="105"/>
      <c r="CV70" s="105"/>
      <c r="CW70" s="105"/>
      <c r="CX70" s="105"/>
      <c r="CY70" s="105"/>
      <c r="CZ70" s="105"/>
      <c r="DA70" s="105"/>
      <c r="DB70" s="105"/>
      <c r="DC70" s="105"/>
      <c r="DD70" s="105"/>
      <c r="DE70" s="105"/>
      <c r="DF70" s="105"/>
      <c r="DG70" s="105"/>
      <c r="DH70" s="105"/>
      <c r="DI70" s="105"/>
      <c r="DJ70" s="105"/>
      <c r="DK70" s="106"/>
      <c r="DL70" s="92"/>
      <c r="DM70" s="93"/>
      <c r="DN70" s="93"/>
      <c r="DO70" s="93"/>
      <c r="DP70" s="93"/>
      <c r="DQ70" s="93"/>
      <c r="DR70" s="93"/>
      <c r="DS70" s="93"/>
      <c r="DT70" s="93"/>
      <c r="DU70" s="93"/>
      <c r="DV70" s="93"/>
      <c r="DW70" s="93"/>
      <c r="DX70" s="93"/>
      <c r="DY70" s="93"/>
      <c r="DZ70" s="94"/>
      <c r="EA70" s="56"/>
      <c r="EB70" s="56"/>
      <c r="EC70" s="56"/>
      <c r="ED70" s="190"/>
      <c r="EE70" s="191"/>
      <c r="EF70" s="191"/>
      <c r="EG70" s="191"/>
      <c r="EH70" s="191"/>
      <c r="EI70" s="191"/>
      <c r="EJ70" s="191"/>
      <c r="EK70" s="191"/>
      <c r="EL70" s="191"/>
      <c r="EM70" s="191"/>
      <c r="EN70" s="191"/>
      <c r="EO70" s="191"/>
      <c r="EP70" s="191"/>
      <c r="EQ70" s="191"/>
      <c r="ER70" s="191"/>
      <c r="ES70" s="191"/>
      <c r="ET70" s="191"/>
      <c r="EU70" s="191"/>
      <c r="EV70" s="191"/>
      <c r="EW70" s="191"/>
      <c r="EX70" s="191"/>
      <c r="EY70" s="191"/>
      <c r="EZ70" s="191"/>
      <c r="FA70" s="191"/>
      <c r="FB70" s="191"/>
      <c r="FC70" s="191"/>
      <c r="FD70" s="191"/>
      <c r="FE70" s="191"/>
      <c r="FF70" s="191"/>
      <c r="FG70" s="191"/>
      <c r="FH70" s="191"/>
      <c r="FI70" s="191"/>
      <c r="FJ70" s="191"/>
      <c r="FK70" s="191"/>
      <c r="FL70" s="191"/>
      <c r="FM70" s="192"/>
      <c r="FN70" s="215"/>
      <c r="FO70" s="215"/>
      <c r="FP70" s="215"/>
      <c r="FQ70" s="215"/>
      <c r="FR70" s="215"/>
      <c r="FS70" s="215"/>
      <c r="FT70" s="215"/>
      <c r="FU70" s="215"/>
      <c r="FV70" s="215"/>
      <c r="FW70" s="215"/>
      <c r="FX70" s="215"/>
      <c r="FY70" s="215"/>
      <c r="FZ70" s="215"/>
      <c r="GA70" s="215"/>
      <c r="GB70" s="215"/>
      <c r="GC70" s="215"/>
      <c r="GD70" s="215"/>
      <c r="GE70" s="215"/>
      <c r="GF70" s="215"/>
      <c r="GG70" s="215"/>
      <c r="GH70" s="215"/>
      <c r="GI70" s="215"/>
      <c r="GJ70" s="215"/>
      <c r="GK70" s="215"/>
      <c r="GL70" s="215"/>
      <c r="GM70" s="215"/>
      <c r="GN70" s="215"/>
      <c r="GO70" s="215"/>
      <c r="GP70" s="423"/>
      <c r="GQ70" s="424"/>
      <c r="GR70" s="424"/>
      <c r="GS70" s="424"/>
      <c r="GT70" s="424"/>
      <c r="GU70" s="424"/>
      <c r="GV70" s="424"/>
      <c r="GW70" s="424"/>
      <c r="GX70" s="424"/>
      <c r="GY70" s="424"/>
      <c r="GZ70" s="424"/>
      <c r="HA70" s="424"/>
      <c r="HB70" s="424"/>
      <c r="HC70" s="424"/>
      <c r="HD70" s="424"/>
      <c r="HE70" s="424"/>
      <c r="HF70" s="424"/>
      <c r="HG70" s="424"/>
      <c r="HH70" s="424"/>
      <c r="HI70" s="424"/>
      <c r="HJ70" s="424"/>
      <c r="HK70" s="424"/>
      <c r="HL70" s="424"/>
      <c r="HM70" s="424"/>
      <c r="HN70" s="424"/>
      <c r="HO70" s="424"/>
      <c r="HP70" s="424"/>
      <c r="HQ70" s="425"/>
    </row>
    <row r="71" spans="2:237" ht="6" customHeight="1">
      <c r="B71" s="171" t="s">
        <v>52</v>
      </c>
      <c r="C71" s="171"/>
      <c r="D71" s="171"/>
      <c r="E71" s="171"/>
      <c r="F71" s="171"/>
      <c r="G71" s="171"/>
      <c r="H71" s="171" t="s">
        <v>53</v>
      </c>
      <c r="I71" s="171"/>
      <c r="J71" s="171"/>
      <c r="K71" s="171"/>
      <c r="L71" s="171"/>
      <c r="M71" s="171"/>
      <c r="N71" s="171" t="s">
        <v>54</v>
      </c>
      <c r="O71" s="171"/>
      <c r="P71" s="171"/>
      <c r="Q71" s="171"/>
      <c r="R71" s="171"/>
      <c r="S71" s="171"/>
      <c r="T71" s="171" t="s">
        <v>55</v>
      </c>
      <c r="U71" s="171"/>
      <c r="V71" s="171"/>
      <c r="W71" s="171"/>
      <c r="X71" s="171"/>
      <c r="Y71" s="171"/>
      <c r="Z71" s="86"/>
      <c r="AA71" s="87"/>
      <c r="AB71" s="87"/>
      <c r="AC71" s="87"/>
      <c r="AD71" s="87"/>
      <c r="AE71" s="87"/>
      <c r="AF71" s="87"/>
      <c r="AG71" s="87"/>
      <c r="AH71" s="87"/>
      <c r="AI71" s="87"/>
      <c r="AJ71" s="87"/>
      <c r="AK71" s="87"/>
      <c r="AL71" s="87"/>
      <c r="AM71" s="87"/>
      <c r="AN71" s="87"/>
      <c r="AO71" s="87"/>
      <c r="AP71" s="87"/>
      <c r="AQ71" s="87"/>
      <c r="AR71" s="87"/>
      <c r="AS71" s="87"/>
      <c r="AT71" s="87"/>
      <c r="AU71" s="87"/>
      <c r="AV71" s="87"/>
      <c r="AW71" s="87"/>
      <c r="AX71" s="87"/>
      <c r="AY71" s="87"/>
      <c r="AZ71" s="87"/>
      <c r="BA71" s="87"/>
      <c r="BB71" s="87"/>
      <c r="BC71" s="87"/>
      <c r="BD71" s="87"/>
      <c r="BE71" s="87"/>
      <c r="BF71" s="87"/>
      <c r="BG71" s="87"/>
      <c r="BH71" s="87"/>
      <c r="BI71" s="87"/>
      <c r="BJ71" s="87"/>
      <c r="BK71" s="87"/>
      <c r="BL71" s="88"/>
      <c r="BM71" s="95"/>
      <c r="BN71" s="76"/>
      <c r="BO71" s="76"/>
      <c r="BP71" s="76"/>
      <c r="BQ71" s="76"/>
      <c r="BR71" s="76"/>
      <c r="BS71" s="76"/>
      <c r="BT71" s="76"/>
      <c r="BU71" s="76"/>
      <c r="BV71" s="76"/>
      <c r="BW71" s="76"/>
      <c r="BX71" s="76"/>
      <c r="BY71" s="76"/>
      <c r="BZ71" s="76"/>
      <c r="CA71" s="76"/>
      <c r="CB71" s="76"/>
      <c r="CC71" s="76"/>
      <c r="CD71" s="76"/>
      <c r="CE71" s="76"/>
      <c r="CF71" s="76"/>
      <c r="CG71" s="76"/>
      <c r="CH71" s="76"/>
      <c r="CI71" s="76"/>
      <c r="CJ71" s="76"/>
      <c r="CK71" s="76"/>
      <c r="CL71" s="76"/>
      <c r="CM71" s="76"/>
      <c r="CN71" s="76"/>
      <c r="CO71" s="76"/>
      <c r="CP71" s="107"/>
      <c r="CQ71" s="98"/>
      <c r="CR71" s="99"/>
      <c r="CS71" s="99"/>
      <c r="CT71" s="99"/>
      <c r="CU71" s="99"/>
      <c r="CV71" s="99"/>
      <c r="CW71" s="99"/>
      <c r="CX71" s="99"/>
      <c r="CY71" s="99"/>
      <c r="CZ71" s="99"/>
      <c r="DA71" s="99"/>
      <c r="DB71" s="99"/>
      <c r="DC71" s="99"/>
      <c r="DD71" s="99"/>
      <c r="DE71" s="99"/>
      <c r="DF71" s="99"/>
      <c r="DG71" s="99"/>
      <c r="DH71" s="99"/>
      <c r="DI71" s="99"/>
      <c r="DJ71" s="99"/>
      <c r="DK71" s="100"/>
      <c r="DL71" s="86"/>
      <c r="DM71" s="87"/>
      <c r="DN71" s="87"/>
      <c r="DO71" s="87"/>
      <c r="DP71" s="87"/>
      <c r="DQ71" s="87"/>
      <c r="DR71" s="87"/>
      <c r="DS71" s="87"/>
      <c r="DT71" s="87"/>
      <c r="DU71" s="87"/>
      <c r="DV71" s="87"/>
      <c r="DW71" s="87"/>
      <c r="DX71" s="87"/>
      <c r="DY71" s="87"/>
      <c r="DZ71" s="88"/>
      <c r="EA71" s="56"/>
      <c r="EB71" s="56"/>
      <c r="EC71" s="56"/>
      <c r="ED71" s="67"/>
      <c r="EE71" s="67"/>
      <c r="EF71" s="67"/>
      <c r="EG71" s="67"/>
      <c r="EH71" s="67"/>
      <c r="EI71" s="67"/>
      <c r="EJ71" s="67"/>
      <c r="EK71" s="67"/>
      <c r="EL71" s="67"/>
      <c r="EM71" s="67"/>
      <c r="EN71" s="67"/>
      <c r="EO71" s="67"/>
      <c r="EP71" s="67"/>
      <c r="EQ71" s="67"/>
      <c r="ER71" s="67"/>
      <c r="ES71" s="67"/>
      <c r="ET71" s="67"/>
      <c r="EU71" s="67"/>
      <c r="EV71" s="67"/>
      <c r="EW71" s="67"/>
      <c r="EX71" s="67"/>
      <c r="EY71" s="67"/>
      <c r="EZ71" s="67"/>
      <c r="FA71" s="67"/>
      <c r="FB71" s="67"/>
      <c r="FC71" s="67"/>
      <c r="FD71" s="67"/>
      <c r="FE71" s="67"/>
      <c r="FF71" s="67"/>
      <c r="FG71" s="67"/>
      <c r="FH71" s="67"/>
      <c r="FI71" s="67"/>
      <c r="FJ71" s="67"/>
      <c r="FK71" s="67"/>
      <c r="FL71" s="67"/>
      <c r="FM71" s="67"/>
      <c r="FN71" s="59"/>
      <c r="FO71" s="59"/>
      <c r="FP71" s="59"/>
      <c r="FQ71" s="59"/>
      <c r="FR71" s="59"/>
      <c r="FS71" s="59"/>
      <c r="FT71" s="59"/>
      <c r="FU71" s="59"/>
      <c r="FV71" s="59"/>
      <c r="FW71" s="59"/>
      <c r="FX71" s="59"/>
      <c r="FY71" s="59"/>
      <c r="FZ71" s="59"/>
      <c r="GA71" s="59"/>
      <c r="GB71" s="59"/>
      <c r="GC71" s="59"/>
      <c r="GD71" s="59"/>
      <c r="GE71" s="59"/>
      <c r="GF71" s="59"/>
      <c r="GG71" s="59"/>
      <c r="GH71" s="59"/>
      <c r="GI71" s="59"/>
      <c r="GJ71" s="59"/>
      <c r="GK71" s="59"/>
      <c r="GL71" s="59"/>
      <c r="GM71" s="59"/>
      <c r="GN71" s="59"/>
      <c r="GO71" s="59"/>
      <c r="GP71" s="68"/>
      <c r="GQ71" s="68"/>
      <c r="GR71" s="68"/>
      <c r="GS71" s="68"/>
      <c r="GT71" s="68"/>
      <c r="GU71" s="68"/>
      <c r="GV71" s="68"/>
      <c r="GW71" s="68"/>
      <c r="GX71" s="68"/>
      <c r="GY71" s="68"/>
      <c r="GZ71" s="68"/>
      <c r="HA71" s="68"/>
      <c r="HB71" s="68"/>
      <c r="HC71" s="68"/>
      <c r="HD71" s="68"/>
      <c r="HE71" s="68"/>
      <c r="HF71" s="68"/>
      <c r="HG71" s="68"/>
      <c r="HH71" s="68"/>
      <c r="HI71" s="68"/>
      <c r="HJ71" s="68"/>
      <c r="HK71" s="68"/>
      <c r="HL71" s="68"/>
      <c r="HM71" s="68"/>
      <c r="HN71" s="68"/>
      <c r="HO71" s="68"/>
      <c r="HP71" s="68"/>
    </row>
    <row r="72" spans="2:237" ht="6" customHeight="1">
      <c r="B72" s="171"/>
      <c r="C72" s="171"/>
      <c r="D72" s="171"/>
      <c r="E72" s="171"/>
      <c r="F72" s="171"/>
      <c r="G72" s="171"/>
      <c r="H72" s="171"/>
      <c r="I72" s="171"/>
      <c r="J72" s="171"/>
      <c r="K72" s="171"/>
      <c r="L72" s="171"/>
      <c r="M72" s="171"/>
      <c r="N72" s="171"/>
      <c r="O72" s="171"/>
      <c r="P72" s="171"/>
      <c r="Q72" s="171"/>
      <c r="R72" s="171"/>
      <c r="S72" s="171"/>
      <c r="T72" s="171"/>
      <c r="U72" s="171"/>
      <c r="V72" s="171"/>
      <c r="W72" s="171"/>
      <c r="X72" s="171"/>
      <c r="Y72" s="171"/>
      <c r="Z72" s="89"/>
      <c r="AA72" s="90"/>
      <c r="AB72" s="90"/>
      <c r="AC72" s="90"/>
      <c r="AD72" s="90"/>
      <c r="AE72" s="90"/>
      <c r="AF72" s="90"/>
      <c r="AG72" s="90"/>
      <c r="AH72" s="90"/>
      <c r="AI72" s="90"/>
      <c r="AJ72" s="90"/>
      <c r="AK72" s="90"/>
      <c r="AL72" s="90"/>
      <c r="AM72" s="90"/>
      <c r="AN72" s="90"/>
      <c r="AO72" s="90"/>
      <c r="AP72" s="90"/>
      <c r="AQ72" s="90"/>
      <c r="AR72" s="90"/>
      <c r="AS72" s="90"/>
      <c r="AT72" s="90"/>
      <c r="AU72" s="90"/>
      <c r="AV72" s="90"/>
      <c r="AW72" s="90"/>
      <c r="AX72" s="90"/>
      <c r="AY72" s="90"/>
      <c r="AZ72" s="90"/>
      <c r="BA72" s="90"/>
      <c r="BB72" s="90"/>
      <c r="BC72" s="90"/>
      <c r="BD72" s="90"/>
      <c r="BE72" s="90"/>
      <c r="BF72" s="90"/>
      <c r="BG72" s="90"/>
      <c r="BH72" s="90"/>
      <c r="BI72" s="90"/>
      <c r="BJ72" s="90"/>
      <c r="BK72" s="90"/>
      <c r="BL72" s="91"/>
      <c r="BM72" s="96"/>
      <c r="BN72" s="77"/>
      <c r="BO72" s="77"/>
      <c r="BP72" s="77"/>
      <c r="BQ72" s="77"/>
      <c r="BR72" s="77"/>
      <c r="BS72" s="77"/>
      <c r="BT72" s="77"/>
      <c r="BU72" s="77"/>
      <c r="BV72" s="77"/>
      <c r="BW72" s="77"/>
      <c r="BX72" s="77"/>
      <c r="BY72" s="77"/>
      <c r="BZ72" s="77"/>
      <c r="CA72" s="77"/>
      <c r="CB72" s="77"/>
      <c r="CC72" s="77"/>
      <c r="CD72" s="77"/>
      <c r="CE72" s="77"/>
      <c r="CF72" s="77"/>
      <c r="CG72" s="77"/>
      <c r="CH72" s="77"/>
      <c r="CI72" s="77"/>
      <c r="CJ72" s="77"/>
      <c r="CK72" s="77"/>
      <c r="CL72" s="77"/>
      <c r="CM72" s="77"/>
      <c r="CN72" s="77"/>
      <c r="CO72" s="77"/>
      <c r="CP72" s="108"/>
      <c r="CQ72" s="101"/>
      <c r="CR72" s="102"/>
      <c r="CS72" s="102"/>
      <c r="CT72" s="102"/>
      <c r="CU72" s="102"/>
      <c r="CV72" s="102"/>
      <c r="CW72" s="102"/>
      <c r="CX72" s="102"/>
      <c r="CY72" s="102"/>
      <c r="CZ72" s="102"/>
      <c r="DA72" s="102"/>
      <c r="DB72" s="102"/>
      <c r="DC72" s="102"/>
      <c r="DD72" s="102"/>
      <c r="DE72" s="102"/>
      <c r="DF72" s="102"/>
      <c r="DG72" s="102"/>
      <c r="DH72" s="102"/>
      <c r="DI72" s="102"/>
      <c r="DJ72" s="102"/>
      <c r="DK72" s="103"/>
      <c r="DL72" s="89"/>
      <c r="DM72" s="90"/>
      <c r="DN72" s="90"/>
      <c r="DO72" s="90"/>
      <c r="DP72" s="90"/>
      <c r="DQ72" s="90"/>
      <c r="DR72" s="90"/>
      <c r="DS72" s="90"/>
      <c r="DT72" s="90"/>
      <c r="DU72" s="90"/>
      <c r="DV72" s="90"/>
      <c r="DW72" s="90"/>
      <c r="DX72" s="90"/>
      <c r="DY72" s="90"/>
      <c r="DZ72" s="91"/>
      <c r="EA72" s="56"/>
      <c r="EB72" s="56"/>
      <c r="EC72" s="56"/>
      <c r="ED72" s="195" t="s">
        <v>56</v>
      </c>
      <c r="EE72" s="195"/>
      <c r="EF72" s="195"/>
      <c r="EG72" s="195"/>
      <c r="EH72" s="195"/>
      <c r="EI72" s="195"/>
      <c r="EJ72" s="122" t="s">
        <v>92</v>
      </c>
      <c r="EK72" s="123"/>
      <c r="EL72" s="123"/>
      <c r="EM72" s="123"/>
      <c r="EN72" s="123"/>
      <c r="EO72" s="123"/>
      <c r="EP72" s="123"/>
      <c r="EQ72" s="123"/>
      <c r="ER72" s="123"/>
      <c r="ES72" s="123"/>
      <c r="ET72" s="123"/>
      <c r="EU72" s="123"/>
      <c r="EV72" s="123"/>
      <c r="EW72" s="123"/>
      <c r="EX72" s="123"/>
      <c r="EY72" s="124"/>
      <c r="EZ72" s="121">
        <v>400000</v>
      </c>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X72" s="121"/>
      <c r="FY72" s="121"/>
      <c r="FZ72" s="121"/>
      <c r="GA72" s="122" t="s">
        <v>93</v>
      </c>
      <c r="GB72" s="123"/>
      <c r="GC72" s="123"/>
      <c r="GD72" s="123"/>
      <c r="GE72" s="123"/>
      <c r="GF72" s="123"/>
      <c r="GG72" s="123"/>
      <c r="GH72" s="123"/>
      <c r="GI72" s="123"/>
      <c r="GJ72" s="123"/>
      <c r="GK72" s="123"/>
      <c r="GL72" s="123"/>
      <c r="GM72" s="123"/>
      <c r="GN72" s="124"/>
      <c r="GO72" s="121">
        <f>ROUNDDOWN(EZ72*0.1,0)</f>
        <v>40000</v>
      </c>
      <c r="GP72" s="121"/>
      <c r="GQ72" s="121"/>
      <c r="GR72" s="121"/>
      <c r="GS72" s="121"/>
      <c r="GT72" s="121"/>
      <c r="GU72" s="121"/>
      <c r="GV72" s="121"/>
      <c r="GW72" s="121"/>
      <c r="GX72" s="121"/>
      <c r="GY72" s="121"/>
      <c r="GZ72" s="121"/>
      <c r="HA72" s="121"/>
      <c r="HB72" s="121"/>
      <c r="HC72" s="121"/>
      <c r="HD72" s="121"/>
      <c r="HE72" s="121"/>
      <c r="HF72" s="121"/>
      <c r="HG72" s="121"/>
      <c r="HH72" s="121"/>
      <c r="HI72" s="121"/>
      <c r="HJ72" s="121"/>
      <c r="HK72" s="121"/>
      <c r="HL72" s="121"/>
      <c r="HM72" s="121"/>
      <c r="HN72" s="121"/>
      <c r="HO72" s="121"/>
      <c r="HP72" s="121"/>
      <c r="HQ72" s="121"/>
      <c r="HR72" s="68"/>
      <c r="HS72" s="68"/>
      <c r="HT72" s="68"/>
      <c r="HU72" s="68"/>
      <c r="HV72" s="68"/>
      <c r="HW72" s="68"/>
      <c r="HX72" s="68"/>
      <c r="HY72" s="68"/>
      <c r="HZ72" s="68"/>
      <c r="IA72" s="68"/>
      <c r="IB72" s="68"/>
    </row>
    <row r="73" spans="2:237" ht="6" customHeight="1">
      <c r="B73" s="171"/>
      <c r="C73" s="171"/>
      <c r="D73" s="171"/>
      <c r="E73" s="171"/>
      <c r="F73" s="171"/>
      <c r="G73" s="171"/>
      <c r="H73" s="171"/>
      <c r="I73" s="171"/>
      <c r="J73" s="171"/>
      <c r="K73" s="171"/>
      <c r="L73" s="171"/>
      <c r="M73" s="171"/>
      <c r="N73" s="171"/>
      <c r="O73" s="171"/>
      <c r="P73" s="171"/>
      <c r="Q73" s="171"/>
      <c r="R73" s="171"/>
      <c r="S73" s="171"/>
      <c r="T73" s="171"/>
      <c r="U73" s="171"/>
      <c r="V73" s="171"/>
      <c r="W73" s="171"/>
      <c r="X73" s="171"/>
      <c r="Y73" s="171"/>
      <c r="Z73" s="89"/>
      <c r="AA73" s="90"/>
      <c r="AB73" s="90"/>
      <c r="AC73" s="90"/>
      <c r="AD73" s="90"/>
      <c r="AE73" s="90"/>
      <c r="AF73" s="90"/>
      <c r="AG73" s="90"/>
      <c r="AH73" s="90"/>
      <c r="AI73" s="90"/>
      <c r="AJ73" s="90"/>
      <c r="AK73" s="90"/>
      <c r="AL73" s="90"/>
      <c r="AM73" s="90"/>
      <c r="AN73" s="90"/>
      <c r="AO73" s="90"/>
      <c r="AP73" s="90"/>
      <c r="AQ73" s="90"/>
      <c r="AR73" s="90"/>
      <c r="AS73" s="90"/>
      <c r="AT73" s="90"/>
      <c r="AU73" s="90"/>
      <c r="AV73" s="90"/>
      <c r="AW73" s="90"/>
      <c r="AX73" s="90"/>
      <c r="AY73" s="90"/>
      <c r="AZ73" s="90"/>
      <c r="BA73" s="90"/>
      <c r="BB73" s="90"/>
      <c r="BC73" s="90"/>
      <c r="BD73" s="90"/>
      <c r="BE73" s="90"/>
      <c r="BF73" s="90"/>
      <c r="BG73" s="90"/>
      <c r="BH73" s="90"/>
      <c r="BI73" s="90"/>
      <c r="BJ73" s="90"/>
      <c r="BK73" s="90"/>
      <c r="BL73" s="91"/>
      <c r="BM73" s="96"/>
      <c r="BN73" s="77"/>
      <c r="BO73" s="77"/>
      <c r="BP73" s="77"/>
      <c r="BQ73" s="77"/>
      <c r="BR73" s="77"/>
      <c r="BS73" s="77"/>
      <c r="BT73" s="77"/>
      <c r="BU73" s="77"/>
      <c r="BV73" s="77"/>
      <c r="BW73" s="77"/>
      <c r="BX73" s="77"/>
      <c r="BY73" s="77"/>
      <c r="BZ73" s="77"/>
      <c r="CA73" s="77"/>
      <c r="CB73" s="77"/>
      <c r="CC73" s="77"/>
      <c r="CD73" s="77"/>
      <c r="CE73" s="77"/>
      <c r="CF73" s="77"/>
      <c r="CG73" s="77"/>
      <c r="CH73" s="77"/>
      <c r="CI73" s="77"/>
      <c r="CJ73" s="77"/>
      <c r="CK73" s="77"/>
      <c r="CL73" s="77"/>
      <c r="CM73" s="77"/>
      <c r="CN73" s="77"/>
      <c r="CO73" s="77"/>
      <c r="CP73" s="108"/>
      <c r="CQ73" s="101"/>
      <c r="CR73" s="102"/>
      <c r="CS73" s="102"/>
      <c r="CT73" s="102"/>
      <c r="CU73" s="102"/>
      <c r="CV73" s="102"/>
      <c r="CW73" s="102"/>
      <c r="CX73" s="102"/>
      <c r="CY73" s="102"/>
      <c r="CZ73" s="102"/>
      <c r="DA73" s="102"/>
      <c r="DB73" s="102"/>
      <c r="DC73" s="102"/>
      <c r="DD73" s="102"/>
      <c r="DE73" s="102"/>
      <c r="DF73" s="102"/>
      <c r="DG73" s="102"/>
      <c r="DH73" s="102"/>
      <c r="DI73" s="102"/>
      <c r="DJ73" s="102"/>
      <c r="DK73" s="103"/>
      <c r="DL73" s="89"/>
      <c r="DM73" s="90"/>
      <c r="DN73" s="90"/>
      <c r="DO73" s="90"/>
      <c r="DP73" s="90"/>
      <c r="DQ73" s="90"/>
      <c r="DR73" s="90"/>
      <c r="DS73" s="90"/>
      <c r="DT73" s="90"/>
      <c r="DU73" s="90"/>
      <c r="DV73" s="90"/>
      <c r="DW73" s="90"/>
      <c r="DX73" s="90"/>
      <c r="DY73" s="90"/>
      <c r="DZ73" s="91"/>
      <c r="EA73" s="56"/>
      <c r="EB73" s="56"/>
      <c r="EC73" s="56"/>
      <c r="ED73" s="195"/>
      <c r="EE73" s="195"/>
      <c r="EF73" s="195"/>
      <c r="EG73" s="195"/>
      <c r="EH73" s="195"/>
      <c r="EI73" s="195"/>
      <c r="EJ73" s="125"/>
      <c r="EK73" s="126"/>
      <c r="EL73" s="126"/>
      <c r="EM73" s="126"/>
      <c r="EN73" s="126"/>
      <c r="EO73" s="126"/>
      <c r="EP73" s="126"/>
      <c r="EQ73" s="126"/>
      <c r="ER73" s="126"/>
      <c r="ES73" s="126"/>
      <c r="ET73" s="126"/>
      <c r="EU73" s="126"/>
      <c r="EV73" s="126"/>
      <c r="EW73" s="126"/>
      <c r="EX73" s="126"/>
      <c r="EY73" s="127"/>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X73" s="121"/>
      <c r="FY73" s="121"/>
      <c r="FZ73" s="121"/>
      <c r="GA73" s="125"/>
      <c r="GB73" s="126"/>
      <c r="GC73" s="126"/>
      <c r="GD73" s="126"/>
      <c r="GE73" s="126"/>
      <c r="GF73" s="126"/>
      <c r="GG73" s="126"/>
      <c r="GH73" s="126"/>
      <c r="GI73" s="126"/>
      <c r="GJ73" s="126"/>
      <c r="GK73" s="126"/>
      <c r="GL73" s="126"/>
      <c r="GM73" s="126"/>
      <c r="GN73" s="127"/>
      <c r="GO73" s="121"/>
      <c r="GP73" s="121"/>
      <c r="GQ73" s="121"/>
      <c r="GR73" s="121"/>
      <c r="GS73" s="121"/>
      <c r="GT73" s="121"/>
      <c r="GU73" s="121"/>
      <c r="GV73" s="121"/>
      <c r="GW73" s="121"/>
      <c r="GX73" s="121"/>
      <c r="GY73" s="121"/>
      <c r="GZ73" s="121"/>
      <c r="HA73" s="121"/>
      <c r="HB73" s="121"/>
      <c r="HC73" s="121"/>
      <c r="HD73" s="121"/>
      <c r="HE73" s="121"/>
      <c r="HF73" s="121"/>
      <c r="HG73" s="121"/>
      <c r="HH73" s="121"/>
      <c r="HI73" s="121"/>
      <c r="HJ73" s="121"/>
      <c r="HK73" s="121"/>
      <c r="HL73" s="121"/>
      <c r="HM73" s="121"/>
      <c r="HN73" s="121"/>
      <c r="HO73" s="121"/>
      <c r="HP73" s="121"/>
      <c r="HQ73" s="121"/>
      <c r="HR73" s="68"/>
      <c r="HS73" s="68"/>
      <c r="HT73" s="68"/>
      <c r="HU73" s="68"/>
      <c r="HV73" s="68"/>
      <c r="HW73" s="68"/>
      <c r="HX73" s="68"/>
      <c r="HY73" s="68"/>
      <c r="HZ73" s="68"/>
      <c r="IA73" s="68"/>
      <c r="IB73" s="68"/>
    </row>
    <row r="74" spans="2:237" ht="6" customHeight="1">
      <c r="B74" s="171"/>
      <c r="C74" s="171"/>
      <c r="D74" s="171"/>
      <c r="E74" s="171"/>
      <c r="F74" s="171"/>
      <c r="G74" s="171"/>
      <c r="H74" s="171"/>
      <c r="I74" s="171"/>
      <c r="J74" s="171"/>
      <c r="K74" s="171"/>
      <c r="L74" s="171"/>
      <c r="M74" s="171"/>
      <c r="N74" s="171"/>
      <c r="O74" s="171"/>
      <c r="P74" s="171"/>
      <c r="Q74" s="171"/>
      <c r="R74" s="171"/>
      <c r="S74" s="171"/>
      <c r="T74" s="171"/>
      <c r="U74" s="171"/>
      <c r="V74" s="171"/>
      <c r="W74" s="171"/>
      <c r="X74" s="171"/>
      <c r="Y74" s="171"/>
      <c r="Z74" s="92"/>
      <c r="AA74" s="93"/>
      <c r="AB74" s="93"/>
      <c r="AC74" s="93"/>
      <c r="AD74" s="93"/>
      <c r="AE74" s="93"/>
      <c r="AF74" s="93"/>
      <c r="AG74" s="93"/>
      <c r="AH74" s="93"/>
      <c r="AI74" s="93"/>
      <c r="AJ74" s="93"/>
      <c r="AK74" s="93"/>
      <c r="AL74" s="93"/>
      <c r="AM74" s="93"/>
      <c r="AN74" s="93"/>
      <c r="AO74" s="93"/>
      <c r="AP74" s="93"/>
      <c r="AQ74" s="93"/>
      <c r="AR74" s="93"/>
      <c r="AS74" s="93"/>
      <c r="AT74" s="93"/>
      <c r="AU74" s="93"/>
      <c r="AV74" s="93"/>
      <c r="AW74" s="93"/>
      <c r="AX74" s="93"/>
      <c r="AY74" s="93"/>
      <c r="AZ74" s="93"/>
      <c r="BA74" s="93"/>
      <c r="BB74" s="93"/>
      <c r="BC74" s="93"/>
      <c r="BD74" s="93"/>
      <c r="BE74" s="93"/>
      <c r="BF74" s="93"/>
      <c r="BG74" s="93"/>
      <c r="BH74" s="93"/>
      <c r="BI74" s="93"/>
      <c r="BJ74" s="93"/>
      <c r="BK74" s="93"/>
      <c r="BL74" s="94"/>
      <c r="BM74" s="97"/>
      <c r="BN74" s="78"/>
      <c r="BO74" s="78"/>
      <c r="BP74" s="78"/>
      <c r="BQ74" s="78"/>
      <c r="BR74" s="78"/>
      <c r="BS74" s="78"/>
      <c r="BT74" s="78"/>
      <c r="BU74" s="78"/>
      <c r="BV74" s="78"/>
      <c r="BW74" s="78"/>
      <c r="BX74" s="78"/>
      <c r="BY74" s="78"/>
      <c r="BZ74" s="78"/>
      <c r="CA74" s="78"/>
      <c r="CB74" s="78"/>
      <c r="CC74" s="78"/>
      <c r="CD74" s="78"/>
      <c r="CE74" s="78"/>
      <c r="CF74" s="78"/>
      <c r="CG74" s="78"/>
      <c r="CH74" s="78"/>
      <c r="CI74" s="78"/>
      <c r="CJ74" s="78"/>
      <c r="CK74" s="78"/>
      <c r="CL74" s="78"/>
      <c r="CM74" s="78"/>
      <c r="CN74" s="78"/>
      <c r="CO74" s="78"/>
      <c r="CP74" s="109"/>
      <c r="CQ74" s="104"/>
      <c r="CR74" s="105"/>
      <c r="CS74" s="105"/>
      <c r="CT74" s="105"/>
      <c r="CU74" s="105"/>
      <c r="CV74" s="105"/>
      <c r="CW74" s="105"/>
      <c r="CX74" s="105"/>
      <c r="CY74" s="105"/>
      <c r="CZ74" s="105"/>
      <c r="DA74" s="105"/>
      <c r="DB74" s="105"/>
      <c r="DC74" s="105"/>
      <c r="DD74" s="105"/>
      <c r="DE74" s="105"/>
      <c r="DF74" s="105"/>
      <c r="DG74" s="105"/>
      <c r="DH74" s="105"/>
      <c r="DI74" s="105"/>
      <c r="DJ74" s="105"/>
      <c r="DK74" s="106"/>
      <c r="DL74" s="92"/>
      <c r="DM74" s="93"/>
      <c r="DN74" s="93"/>
      <c r="DO74" s="93"/>
      <c r="DP74" s="93"/>
      <c r="DQ74" s="93"/>
      <c r="DR74" s="93"/>
      <c r="DS74" s="93"/>
      <c r="DT74" s="93"/>
      <c r="DU74" s="93"/>
      <c r="DV74" s="93"/>
      <c r="DW74" s="93"/>
      <c r="DX74" s="93"/>
      <c r="DY74" s="93"/>
      <c r="DZ74" s="94"/>
      <c r="EA74" s="56"/>
      <c r="EB74" s="56"/>
      <c r="EC74" s="56"/>
      <c r="ED74" s="195"/>
      <c r="EE74" s="195"/>
      <c r="EF74" s="195"/>
      <c r="EG74" s="195"/>
      <c r="EH74" s="195"/>
      <c r="EI74" s="195"/>
      <c r="EJ74" s="125"/>
      <c r="EK74" s="126"/>
      <c r="EL74" s="126"/>
      <c r="EM74" s="126"/>
      <c r="EN74" s="126"/>
      <c r="EO74" s="126"/>
      <c r="EP74" s="126"/>
      <c r="EQ74" s="126"/>
      <c r="ER74" s="126"/>
      <c r="ES74" s="126"/>
      <c r="ET74" s="126"/>
      <c r="EU74" s="126"/>
      <c r="EV74" s="126"/>
      <c r="EW74" s="126"/>
      <c r="EX74" s="126"/>
      <c r="EY74" s="127"/>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X74" s="121"/>
      <c r="FY74" s="121"/>
      <c r="FZ74" s="121"/>
      <c r="GA74" s="125"/>
      <c r="GB74" s="126"/>
      <c r="GC74" s="126"/>
      <c r="GD74" s="126"/>
      <c r="GE74" s="126"/>
      <c r="GF74" s="126"/>
      <c r="GG74" s="126"/>
      <c r="GH74" s="126"/>
      <c r="GI74" s="126"/>
      <c r="GJ74" s="126"/>
      <c r="GK74" s="126"/>
      <c r="GL74" s="126"/>
      <c r="GM74" s="126"/>
      <c r="GN74" s="127"/>
      <c r="GO74" s="121"/>
      <c r="GP74" s="121"/>
      <c r="GQ74" s="121"/>
      <c r="GR74" s="121"/>
      <c r="GS74" s="121"/>
      <c r="GT74" s="121"/>
      <c r="GU74" s="121"/>
      <c r="GV74" s="121"/>
      <c r="GW74" s="121"/>
      <c r="GX74" s="121"/>
      <c r="GY74" s="121"/>
      <c r="GZ74" s="121"/>
      <c r="HA74" s="121"/>
      <c r="HB74" s="121"/>
      <c r="HC74" s="121"/>
      <c r="HD74" s="121"/>
      <c r="HE74" s="121"/>
      <c r="HF74" s="121"/>
      <c r="HG74" s="121"/>
      <c r="HH74" s="121"/>
      <c r="HI74" s="121"/>
      <c r="HJ74" s="121"/>
      <c r="HK74" s="121"/>
      <c r="HL74" s="121"/>
      <c r="HM74" s="121"/>
      <c r="HN74" s="121"/>
      <c r="HO74" s="121"/>
      <c r="HP74" s="121"/>
      <c r="HQ74" s="121"/>
      <c r="HR74" s="68"/>
      <c r="HS74" s="68"/>
      <c r="HT74" s="68"/>
      <c r="HU74" s="68"/>
      <c r="HV74" s="68"/>
      <c r="HW74" s="68"/>
      <c r="HX74" s="68"/>
      <c r="HY74" s="68"/>
      <c r="HZ74" s="68"/>
      <c r="IA74" s="68"/>
      <c r="IB74" s="68"/>
    </row>
    <row r="75" spans="2:237" ht="6" customHeight="1">
      <c r="B75" s="171" t="s">
        <v>52</v>
      </c>
      <c r="C75" s="171"/>
      <c r="D75" s="171"/>
      <c r="E75" s="171"/>
      <c r="F75" s="171"/>
      <c r="G75" s="171"/>
      <c r="H75" s="171" t="s">
        <v>53</v>
      </c>
      <c r="I75" s="171"/>
      <c r="J75" s="171"/>
      <c r="K75" s="171"/>
      <c r="L75" s="171"/>
      <c r="M75" s="171"/>
      <c r="N75" s="171" t="s">
        <v>54</v>
      </c>
      <c r="O75" s="171"/>
      <c r="P75" s="171"/>
      <c r="Q75" s="171"/>
      <c r="R75" s="171"/>
      <c r="S75" s="171"/>
      <c r="T75" s="171" t="s">
        <v>55</v>
      </c>
      <c r="U75" s="171"/>
      <c r="V75" s="171"/>
      <c r="W75" s="171"/>
      <c r="X75" s="171"/>
      <c r="Y75" s="171"/>
      <c r="Z75" s="86"/>
      <c r="AA75" s="87"/>
      <c r="AB75" s="87"/>
      <c r="AC75" s="87"/>
      <c r="AD75" s="87"/>
      <c r="AE75" s="87"/>
      <c r="AF75" s="87"/>
      <c r="AG75" s="87"/>
      <c r="AH75" s="87"/>
      <c r="AI75" s="87"/>
      <c r="AJ75" s="87"/>
      <c r="AK75" s="87"/>
      <c r="AL75" s="87"/>
      <c r="AM75" s="87"/>
      <c r="AN75" s="87"/>
      <c r="AO75" s="87"/>
      <c r="AP75" s="87"/>
      <c r="AQ75" s="87"/>
      <c r="AR75" s="87"/>
      <c r="AS75" s="87"/>
      <c r="AT75" s="87"/>
      <c r="AU75" s="87"/>
      <c r="AV75" s="87"/>
      <c r="AW75" s="87"/>
      <c r="AX75" s="87"/>
      <c r="AY75" s="87"/>
      <c r="AZ75" s="87"/>
      <c r="BA75" s="87"/>
      <c r="BB75" s="87"/>
      <c r="BC75" s="87"/>
      <c r="BD75" s="87"/>
      <c r="BE75" s="87"/>
      <c r="BF75" s="87"/>
      <c r="BG75" s="87"/>
      <c r="BH75" s="87"/>
      <c r="BI75" s="87"/>
      <c r="BJ75" s="87"/>
      <c r="BK75" s="87"/>
      <c r="BL75" s="88"/>
      <c r="BM75" s="95"/>
      <c r="BN75" s="76"/>
      <c r="BO75" s="76"/>
      <c r="BP75" s="76"/>
      <c r="BQ75" s="76"/>
      <c r="BR75" s="76"/>
      <c r="BS75" s="76"/>
      <c r="BT75" s="76"/>
      <c r="BU75" s="76"/>
      <c r="BV75" s="76"/>
      <c r="BW75" s="76"/>
      <c r="BX75" s="76"/>
      <c r="BY75" s="76"/>
      <c r="BZ75" s="76"/>
      <c r="CA75" s="76"/>
      <c r="CB75" s="76"/>
      <c r="CC75" s="76"/>
      <c r="CD75" s="76"/>
      <c r="CE75" s="76"/>
      <c r="CF75" s="76"/>
      <c r="CG75" s="76"/>
      <c r="CH75" s="76"/>
      <c r="CI75" s="76"/>
      <c r="CJ75" s="76"/>
      <c r="CK75" s="76"/>
      <c r="CL75" s="76"/>
      <c r="CM75" s="76"/>
      <c r="CN75" s="76"/>
      <c r="CO75" s="76"/>
      <c r="CP75" s="107"/>
      <c r="CQ75" s="98"/>
      <c r="CR75" s="99"/>
      <c r="CS75" s="99"/>
      <c r="CT75" s="99"/>
      <c r="CU75" s="99"/>
      <c r="CV75" s="99"/>
      <c r="CW75" s="99"/>
      <c r="CX75" s="99"/>
      <c r="CY75" s="99"/>
      <c r="CZ75" s="99"/>
      <c r="DA75" s="99"/>
      <c r="DB75" s="99"/>
      <c r="DC75" s="99"/>
      <c r="DD75" s="99"/>
      <c r="DE75" s="99"/>
      <c r="DF75" s="99"/>
      <c r="DG75" s="99"/>
      <c r="DH75" s="99"/>
      <c r="DI75" s="99"/>
      <c r="DJ75" s="99"/>
      <c r="DK75" s="100"/>
      <c r="DL75" s="86"/>
      <c r="DM75" s="87"/>
      <c r="DN75" s="87"/>
      <c r="DO75" s="87"/>
      <c r="DP75" s="87"/>
      <c r="DQ75" s="87"/>
      <c r="DR75" s="87"/>
      <c r="DS75" s="87"/>
      <c r="DT75" s="87"/>
      <c r="DU75" s="87"/>
      <c r="DV75" s="87"/>
      <c r="DW75" s="87"/>
      <c r="DX75" s="87"/>
      <c r="DY75" s="87"/>
      <c r="DZ75" s="88"/>
      <c r="EA75" s="56"/>
      <c r="EB75" s="56"/>
      <c r="EC75" s="56"/>
      <c r="ED75" s="195"/>
      <c r="EE75" s="195"/>
      <c r="EF75" s="195"/>
      <c r="EG75" s="195"/>
      <c r="EH75" s="195"/>
      <c r="EI75" s="195"/>
      <c r="EJ75" s="128"/>
      <c r="EK75" s="129"/>
      <c r="EL75" s="129"/>
      <c r="EM75" s="129"/>
      <c r="EN75" s="129"/>
      <c r="EO75" s="129"/>
      <c r="EP75" s="129"/>
      <c r="EQ75" s="129"/>
      <c r="ER75" s="129"/>
      <c r="ES75" s="129"/>
      <c r="ET75" s="129"/>
      <c r="EU75" s="129"/>
      <c r="EV75" s="129"/>
      <c r="EW75" s="129"/>
      <c r="EX75" s="129"/>
      <c r="EY75" s="130"/>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X75" s="121"/>
      <c r="FY75" s="121"/>
      <c r="FZ75" s="121"/>
      <c r="GA75" s="128"/>
      <c r="GB75" s="129"/>
      <c r="GC75" s="129"/>
      <c r="GD75" s="129"/>
      <c r="GE75" s="129"/>
      <c r="GF75" s="129"/>
      <c r="GG75" s="129"/>
      <c r="GH75" s="129"/>
      <c r="GI75" s="129"/>
      <c r="GJ75" s="129"/>
      <c r="GK75" s="129"/>
      <c r="GL75" s="129"/>
      <c r="GM75" s="129"/>
      <c r="GN75" s="130"/>
      <c r="GO75" s="121"/>
      <c r="GP75" s="121"/>
      <c r="GQ75" s="121"/>
      <c r="GR75" s="121"/>
      <c r="GS75" s="121"/>
      <c r="GT75" s="121"/>
      <c r="GU75" s="121"/>
      <c r="GV75" s="121"/>
      <c r="GW75" s="121"/>
      <c r="GX75" s="121"/>
      <c r="GY75" s="121"/>
      <c r="GZ75" s="121"/>
      <c r="HA75" s="121"/>
      <c r="HB75" s="121"/>
      <c r="HC75" s="121"/>
      <c r="HD75" s="121"/>
      <c r="HE75" s="121"/>
      <c r="HF75" s="121"/>
      <c r="HG75" s="121"/>
      <c r="HH75" s="121"/>
      <c r="HI75" s="121"/>
      <c r="HJ75" s="121"/>
      <c r="HK75" s="121"/>
      <c r="HL75" s="121"/>
      <c r="HM75" s="121"/>
      <c r="HN75" s="121"/>
      <c r="HO75" s="121"/>
      <c r="HP75" s="121"/>
      <c r="HQ75" s="121"/>
    </row>
    <row r="76" spans="2:237" ht="6" customHeight="1">
      <c r="B76" s="171"/>
      <c r="C76" s="171"/>
      <c r="D76" s="171"/>
      <c r="E76" s="171"/>
      <c r="F76" s="171"/>
      <c r="G76" s="171"/>
      <c r="H76" s="171"/>
      <c r="I76" s="171"/>
      <c r="J76" s="171"/>
      <c r="K76" s="171"/>
      <c r="L76" s="171"/>
      <c r="M76" s="171"/>
      <c r="N76" s="171"/>
      <c r="O76" s="171"/>
      <c r="P76" s="171"/>
      <c r="Q76" s="171"/>
      <c r="R76" s="171"/>
      <c r="S76" s="171"/>
      <c r="T76" s="171"/>
      <c r="U76" s="171"/>
      <c r="V76" s="171"/>
      <c r="W76" s="171"/>
      <c r="X76" s="171"/>
      <c r="Y76" s="171"/>
      <c r="Z76" s="89"/>
      <c r="AA76" s="90"/>
      <c r="AB76" s="90"/>
      <c r="AC76" s="90"/>
      <c r="AD76" s="90"/>
      <c r="AE76" s="90"/>
      <c r="AF76" s="90"/>
      <c r="AG76" s="90"/>
      <c r="AH76" s="90"/>
      <c r="AI76" s="90"/>
      <c r="AJ76" s="90"/>
      <c r="AK76" s="90"/>
      <c r="AL76" s="90"/>
      <c r="AM76" s="90"/>
      <c r="AN76" s="90"/>
      <c r="AO76" s="90"/>
      <c r="AP76" s="90"/>
      <c r="AQ76" s="90"/>
      <c r="AR76" s="90"/>
      <c r="AS76" s="90"/>
      <c r="AT76" s="90"/>
      <c r="AU76" s="90"/>
      <c r="AV76" s="90"/>
      <c r="AW76" s="90"/>
      <c r="AX76" s="90"/>
      <c r="AY76" s="90"/>
      <c r="AZ76" s="90"/>
      <c r="BA76" s="90"/>
      <c r="BB76" s="90"/>
      <c r="BC76" s="90"/>
      <c r="BD76" s="90"/>
      <c r="BE76" s="90"/>
      <c r="BF76" s="90"/>
      <c r="BG76" s="90"/>
      <c r="BH76" s="90"/>
      <c r="BI76" s="90"/>
      <c r="BJ76" s="90"/>
      <c r="BK76" s="90"/>
      <c r="BL76" s="91"/>
      <c r="BM76" s="96"/>
      <c r="BN76" s="77"/>
      <c r="BO76" s="77"/>
      <c r="BP76" s="77"/>
      <c r="BQ76" s="77"/>
      <c r="BR76" s="77"/>
      <c r="BS76" s="77"/>
      <c r="BT76" s="77"/>
      <c r="BU76" s="77"/>
      <c r="BV76" s="77"/>
      <c r="BW76" s="77"/>
      <c r="BX76" s="77"/>
      <c r="BY76" s="77"/>
      <c r="BZ76" s="77"/>
      <c r="CA76" s="77"/>
      <c r="CB76" s="77"/>
      <c r="CC76" s="77"/>
      <c r="CD76" s="77"/>
      <c r="CE76" s="77"/>
      <c r="CF76" s="77"/>
      <c r="CG76" s="77"/>
      <c r="CH76" s="77"/>
      <c r="CI76" s="77"/>
      <c r="CJ76" s="77"/>
      <c r="CK76" s="77"/>
      <c r="CL76" s="77"/>
      <c r="CM76" s="77"/>
      <c r="CN76" s="77"/>
      <c r="CO76" s="77"/>
      <c r="CP76" s="108"/>
      <c r="CQ76" s="101"/>
      <c r="CR76" s="102"/>
      <c r="CS76" s="102"/>
      <c r="CT76" s="102"/>
      <c r="CU76" s="102"/>
      <c r="CV76" s="102"/>
      <c r="CW76" s="102"/>
      <c r="CX76" s="102"/>
      <c r="CY76" s="102"/>
      <c r="CZ76" s="102"/>
      <c r="DA76" s="102"/>
      <c r="DB76" s="102"/>
      <c r="DC76" s="102"/>
      <c r="DD76" s="102"/>
      <c r="DE76" s="102"/>
      <c r="DF76" s="102"/>
      <c r="DG76" s="102"/>
      <c r="DH76" s="102"/>
      <c r="DI76" s="102"/>
      <c r="DJ76" s="102"/>
      <c r="DK76" s="103"/>
      <c r="DL76" s="89"/>
      <c r="DM76" s="90"/>
      <c r="DN76" s="90"/>
      <c r="DO76" s="90"/>
      <c r="DP76" s="90"/>
      <c r="DQ76" s="90"/>
      <c r="DR76" s="90"/>
      <c r="DS76" s="90"/>
      <c r="DT76" s="90"/>
      <c r="DU76" s="90"/>
      <c r="DV76" s="90"/>
      <c r="DW76" s="90"/>
      <c r="DX76" s="90"/>
      <c r="DY76" s="90"/>
      <c r="DZ76" s="91"/>
      <c r="EA76" s="56"/>
      <c r="EB76" s="56"/>
      <c r="EC76" s="56"/>
      <c r="ED76" s="195"/>
      <c r="EE76" s="195"/>
      <c r="EF76" s="195"/>
      <c r="EG76" s="195"/>
      <c r="EH76" s="195"/>
      <c r="EI76" s="195"/>
      <c r="EJ76" s="122" t="s">
        <v>94</v>
      </c>
      <c r="EK76" s="123"/>
      <c r="EL76" s="123"/>
      <c r="EM76" s="123"/>
      <c r="EN76" s="123"/>
      <c r="EO76" s="123"/>
      <c r="EP76" s="123"/>
      <c r="EQ76" s="123"/>
      <c r="ER76" s="123"/>
      <c r="ES76" s="123"/>
      <c r="ET76" s="123"/>
      <c r="EU76" s="123"/>
      <c r="EV76" s="123"/>
      <c r="EW76" s="123"/>
      <c r="EX76" s="123"/>
      <c r="EY76" s="124"/>
      <c r="EZ76" s="121">
        <v>400000</v>
      </c>
      <c r="FA76" s="121"/>
      <c r="FB76" s="121"/>
      <c r="FC76" s="121"/>
      <c r="FD76" s="121"/>
      <c r="FE76" s="121"/>
      <c r="FF76" s="121"/>
      <c r="FG76" s="121"/>
      <c r="FH76" s="121"/>
      <c r="FI76" s="121"/>
      <c r="FJ76" s="121"/>
      <c r="FK76" s="121"/>
      <c r="FL76" s="121"/>
      <c r="FM76" s="121"/>
      <c r="FN76" s="121"/>
      <c r="FO76" s="121"/>
      <c r="FP76" s="121"/>
      <c r="FQ76" s="121"/>
      <c r="FR76" s="121"/>
      <c r="FS76" s="121"/>
      <c r="FT76" s="121"/>
      <c r="FU76" s="121"/>
      <c r="FV76" s="121"/>
      <c r="FW76" s="121"/>
      <c r="FX76" s="121"/>
      <c r="FY76" s="121"/>
      <c r="FZ76" s="121"/>
      <c r="GA76" s="122" t="s">
        <v>95</v>
      </c>
      <c r="GB76" s="123"/>
      <c r="GC76" s="123"/>
      <c r="GD76" s="123"/>
      <c r="GE76" s="123"/>
      <c r="GF76" s="123"/>
      <c r="GG76" s="123"/>
      <c r="GH76" s="123"/>
      <c r="GI76" s="123"/>
      <c r="GJ76" s="123"/>
      <c r="GK76" s="123"/>
      <c r="GL76" s="123"/>
      <c r="GM76" s="123"/>
      <c r="GN76" s="124"/>
      <c r="GO76" s="121">
        <f>ROUNDDOWN(EZ76*0.08,0)</f>
        <v>32000</v>
      </c>
      <c r="GP76" s="121"/>
      <c r="GQ76" s="121"/>
      <c r="GR76" s="121"/>
      <c r="GS76" s="121"/>
      <c r="GT76" s="121"/>
      <c r="GU76" s="121"/>
      <c r="GV76" s="121"/>
      <c r="GW76" s="121"/>
      <c r="GX76" s="121"/>
      <c r="GY76" s="121"/>
      <c r="GZ76" s="121"/>
      <c r="HA76" s="121"/>
      <c r="HB76" s="121"/>
      <c r="HC76" s="121"/>
      <c r="HD76" s="121"/>
      <c r="HE76" s="121"/>
      <c r="HF76" s="121"/>
      <c r="HG76" s="121"/>
      <c r="HH76" s="121"/>
      <c r="HI76" s="121"/>
      <c r="HJ76" s="121"/>
      <c r="HK76" s="121"/>
      <c r="HL76" s="121"/>
      <c r="HM76" s="121"/>
      <c r="HN76" s="121"/>
      <c r="HO76" s="121"/>
      <c r="HP76" s="121"/>
      <c r="HQ76" s="121"/>
    </row>
    <row r="77" spans="2:237" ht="6" customHeight="1">
      <c r="B77" s="171"/>
      <c r="C77" s="171"/>
      <c r="D77" s="171"/>
      <c r="E77" s="171"/>
      <c r="F77" s="171"/>
      <c r="G77" s="171"/>
      <c r="H77" s="171"/>
      <c r="I77" s="171"/>
      <c r="J77" s="171"/>
      <c r="K77" s="171"/>
      <c r="L77" s="171"/>
      <c r="M77" s="171"/>
      <c r="N77" s="171"/>
      <c r="O77" s="171"/>
      <c r="P77" s="171"/>
      <c r="Q77" s="171"/>
      <c r="R77" s="171"/>
      <c r="S77" s="171"/>
      <c r="T77" s="171"/>
      <c r="U77" s="171"/>
      <c r="V77" s="171"/>
      <c r="W77" s="171"/>
      <c r="X77" s="171"/>
      <c r="Y77" s="171"/>
      <c r="Z77" s="89"/>
      <c r="AA77" s="90"/>
      <c r="AB77" s="90"/>
      <c r="AC77" s="90"/>
      <c r="AD77" s="90"/>
      <c r="AE77" s="90"/>
      <c r="AF77" s="90"/>
      <c r="AG77" s="90"/>
      <c r="AH77" s="90"/>
      <c r="AI77" s="90"/>
      <c r="AJ77" s="90"/>
      <c r="AK77" s="90"/>
      <c r="AL77" s="90"/>
      <c r="AM77" s="90"/>
      <c r="AN77" s="90"/>
      <c r="AO77" s="90"/>
      <c r="AP77" s="90"/>
      <c r="AQ77" s="90"/>
      <c r="AR77" s="90"/>
      <c r="AS77" s="90"/>
      <c r="AT77" s="90"/>
      <c r="AU77" s="90"/>
      <c r="AV77" s="90"/>
      <c r="AW77" s="90"/>
      <c r="AX77" s="90"/>
      <c r="AY77" s="90"/>
      <c r="AZ77" s="90"/>
      <c r="BA77" s="90"/>
      <c r="BB77" s="90"/>
      <c r="BC77" s="90"/>
      <c r="BD77" s="90"/>
      <c r="BE77" s="90"/>
      <c r="BF77" s="90"/>
      <c r="BG77" s="90"/>
      <c r="BH77" s="90"/>
      <c r="BI77" s="90"/>
      <c r="BJ77" s="90"/>
      <c r="BK77" s="90"/>
      <c r="BL77" s="91"/>
      <c r="BM77" s="96"/>
      <c r="BN77" s="77"/>
      <c r="BO77" s="77"/>
      <c r="BP77" s="77"/>
      <c r="BQ77" s="77"/>
      <c r="BR77" s="77"/>
      <c r="BS77" s="77"/>
      <c r="BT77" s="77"/>
      <c r="BU77" s="77"/>
      <c r="BV77" s="77"/>
      <c r="BW77" s="77"/>
      <c r="BX77" s="77"/>
      <c r="BY77" s="77"/>
      <c r="BZ77" s="77"/>
      <c r="CA77" s="77"/>
      <c r="CB77" s="77"/>
      <c r="CC77" s="77"/>
      <c r="CD77" s="77"/>
      <c r="CE77" s="77"/>
      <c r="CF77" s="77"/>
      <c r="CG77" s="77"/>
      <c r="CH77" s="77"/>
      <c r="CI77" s="77"/>
      <c r="CJ77" s="77"/>
      <c r="CK77" s="77"/>
      <c r="CL77" s="77"/>
      <c r="CM77" s="77"/>
      <c r="CN77" s="77"/>
      <c r="CO77" s="77"/>
      <c r="CP77" s="108"/>
      <c r="CQ77" s="101"/>
      <c r="CR77" s="102"/>
      <c r="CS77" s="102"/>
      <c r="CT77" s="102"/>
      <c r="CU77" s="102"/>
      <c r="CV77" s="102"/>
      <c r="CW77" s="102"/>
      <c r="CX77" s="102"/>
      <c r="CY77" s="102"/>
      <c r="CZ77" s="102"/>
      <c r="DA77" s="102"/>
      <c r="DB77" s="102"/>
      <c r="DC77" s="102"/>
      <c r="DD77" s="102"/>
      <c r="DE77" s="102"/>
      <c r="DF77" s="102"/>
      <c r="DG77" s="102"/>
      <c r="DH77" s="102"/>
      <c r="DI77" s="102"/>
      <c r="DJ77" s="102"/>
      <c r="DK77" s="103"/>
      <c r="DL77" s="89"/>
      <c r="DM77" s="90"/>
      <c r="DN77" s="90"/>
      <c r="DO77" s="90"/>
      <c r="DP77" s="90"/>
      <c r="DQ77" s="90"/>
      <c r="DR77" s="90"/>
      <c r="DS77" s="90"/>
      <c r="DT77" s="90"/>
      <c r="DU77" s="90"/>
      <c r="DV77" s="90"/>
      <c r="DW77" s="90"/>
      <c r="DX77" s="90"/>
      <c r="DY77" s="90"/>
      <c r="DZ77" s="91"/>
      <c r="EA77" s="56"/>
      <c r="EB77" s="56"/>
      <c r="EC77" s="56"/>
      <c r="ED77" s="195"/>
      <c r="EE77" s="195"/>
      <c r="EF77" s="195"/>
      <c r="EG77" s="195"/>
      <c r="EH77" s="195"/>
      <c r="EI77" s="195"/>
      <c r="EJ77" s="125"/>
      <c r="EK77" s="126"/>
      <c r="EL77" s="126"/>
      <c r="EM77" s="126"/>
      <c r="EN77" s="126"/>
      <c r="EO77" s="126"/>
      <c r="EP77" s="126"/>
      <c r="EQ77" s="126"/>
      <c r="ER77" s="126"/>
      <c r="ES77" s="126"/>
      <c r="ET77" s="126"/>
      <c r="EU77" s="126"/>
      <c r="EV77" s="126"/>
      <c r="EW77" s="126"/>
      <c r="EX77" s="126"/>
      <c r="EY77" s="127"/>
      <c r="EZ77" s="121"/>
      <c r="FA77" s="121"/>
      <c r="FB77" s="121"/>
      <c r="FC77" s="121"/>
      <c r="FD77" s="121"/>
      <c r="FE77" s="121"/>
      <c r="FF77" s="121"/>
      <c r="FG77" s="121"/>
      <c r="FH77" s="121"/>
      <c r="FI77" s="121"/>
      <c r="FJ77" s="121"/>
      <c r="FK77" s="121"/>
      <c r="FL77" s="121"/>
      <c r="FM77" s="121"/>
      <c r="FN77" s="121"/>
      <c r="FO77" s="121"/>
      <c r="FP77" s="121"/>
      <c r="FQ77" s="121"/>
      <c r="FR77" s="121"/>
      <c r="FS77" s="121"/>
      <c r="FT77" s="121"/>
      <c r="FU77" s="121"/>
      <c r="FV77" s="121"/>
      <c r="FW77" s="121"/>
      <c r="FX77" s="121"/>
      <c r="FY77" s="121"/>
      <c r="FZ77" s="121"/>
      <c r="GA77" s="125"/>
      <c r="GB77" s="126"/>
      <c r="GC77" s="126"/>
      <c r="GD77" s="126"/>
      <c r="GE77" s="126"/>
      <c r="GF77" s="126"/>
      <c r="GG77" s="126"/>
      <c r="GH77" s="126"/>
      <c r="GI77" s="126"/>
      <c r="GJ77" s="126"/>
      <c r="GK77" s="126"/>
      <c r="GL77" s="126"/>
      <c r="GM77" s="126"/>
      <c r="GN77" s="127"/>
      <c r="GO77" s="121"/>
      <c r="GP77" s="121"/>
      <c r="GQ77" s="121"/>
      <c r="GR77" s="121"/>
      <c r="GS77" s="121"/>
      <c r="GT77" s="121"/>
      <c r="GU77" s="121"/>
      <c r="GV77" s="121"/>
      <c r="GW77" s="121"/>
      <c r="GX77" s="121"/>
      <c r="GY77" s="121"/>
      <c r="GZ77" s="121"/>
      <c r="HA77" s="121"/>
      <c r="HB77" s="121"/>
      <c r="HC77" s="121"/>
      <c r="HD77" s="121"/>
      <c r="HE77" s="121"/>
      <c r="HF77" s="121"/>
      <c r="HG77" s="121"/>
      <c r="HH77" s="121"/>
      <c r="HI77" s="121"/>
      <c r="HJ77" s="121"/>
      <c r="HK77" s="121"/>
      <c r="HL77" s="121"/>
      <c r="HM77" s="121"/>
      <c r="HN77" s="121"/>
      <c r="HO77" s="121"/>
      <c r="HP77" s="121"/>
      <c r="HQ77" s="121"/>
    </row>
    <row r="78" spans="2:237" ht="6" customHeight="1">
      <c r="B78" s="171"/>
      <c r="C78" s="171"/>
      <c r="D78" s="171"/>
      <c r="E78" s="171"/>
      <c r="F78" s="171"/>
      <c r="G78" s="171"/>
      <c r="H78" s="171"/>
      <c r="I78" s="171"/>
      <c r="J78" s="171"/>
      <c r="K78" s="171"/>
      <c r="L78" s="171"/>
      <c r="M78" s="171"/>
      <c r="N78" s="171"/>
      <c r="O78" s="171"/>
      <c r="P78" s="171"/>
      <c r="Q78" s="171"/>
      <c r="R78" s="171"/>
      <c r="S78" s="171"/>
      <c r="T78" s="171"/>
      <c r="U78" s="171"/>
      <c r="V78" s="171"/>
      <c r="W78" s="171"/>
      <c r="X78" s="171"/>
      <c r="Y78" s="171"/>
      <c r="Z78" s="92"/>
      <c r="AA78" s="93"/>
      <c r="AB78" s="93"/>
      <c r="AC78" s="93"/>
      <c r="AD78" s="93"/>
      <c r="AE78" s="93"/>
      <c r="AF78" s="93"/>
      <c r="AG78" s="93"/>
      <c r="AH78" s="93"/>
      <c r="AI78" s="93"/>
      <c r="AJ78" s="93"/>
      <c r="AK78" s="93"/>
      <c r="AL78" s="93"/>
      <c r="AM78" s="93"/>
      <c r="AN78" s="93"/>
      <c r="AO78" s="93"/>
      <c r="AP78" s="93"/>
      <c r="AQ78" s="93"/>
      <c r="AR78" s="93"/>
      <c r="AS78" s="93"/>
      <c r="AT78" s="93"/>
      <c r="AU78" s="93"/>
      <c r="AV78" s="93"/>
      <c r="AW78" s="93"/>
      <c r="AX78" s="93"/>
      <c r="AY78" s="93"/>
      <c r="AZ78" s="93"/>
      <c r="BA78" s="93"/>
      <c r="BB78" s="93"/>
      <c r="BC78" s="93"/>
      <c r="BD78" s="93"/>
      <c r="BE78" s="93"/>
      <c r="BF78" s="93"/>
      <c r="BG78" s="93"/>
      <c r="BH78" s="93"/>
      <c r="BI78" s="93"/>
      <c r="BJ78" s="93"/>
      <c r="BK78" s="93"/>
      <c r="BL78" s="94"/>
      <c r="BM78" s="97"/>
      <c r="BN78" s="78"/>
      <c r="BO78" s="78"/>
      <c r="BP78" s="78"/>
      <c r="BQ78" s="78"/>
      <c r="BR78" s="78"/>
      <c r="BS78" s="78"/>
      <c r="BT78" s="78"/>
      <c r="BU78" s="78"/>
      <c r="BV78" s="78"/>
      <c r="BW78" s="78"/>
      <c r="BX78" s="78"/>
      <c r="BY78" s="78"/>
      <c r="BZ78" s="78"/>
      <c r="CA78" s="78"/>
      <c r="CB78" s="78"/>
      <c r="CC78" s="78"/>
      <c r="CD78" s="78"/>
      <c r="CE78" s="78"/>
      <c r="CF78" s="78"/>
      <c r="CG78" s="78"/>
      <c r="CH78" s="78"/>
      <c r="CI78" s="78"/>
      <c r="CJ78" s="78"/>
      <c r="CK78" s="78"/>
      <c r="CL78" s="78"/>
      <c r="CM78" s="78"/>
      <c r="CN78" s="78"/>
      <c r="CO78" s="78"/>
      <c r="CP78" s="109"/>
      <c r="CQ78" s="104"/>
      <c r="CR78" s="105"/>
      <c r="CS78" s="105"/>
      <c r="CT78" s="105"/>
      <c r="CU78" s="105"/>
      <c r="CV78" s="105"/>
      <c r="CW78" s="105"/>
      <c r="CX78" s="105"/>
      <c r="CY78" s="105"/>
      <c r="CZ78" s="105"/>
      <c r="DA78" s="105"/>
      <c r="DB78" s="105"/>
      <c r="DC78" s="105"/>
      <c r="DD78" s="105"/>
      <c r="DE78" s="105"/>
      <c r="DF78" s="105"/>
      <c r="DG78" s="105"/>
      <c r="DH78" s="105"/>
      <c r="DI78" s="105"/>
      <c r="DJ78" s="105"/>
      <c r="DK78" s="106"/>
      <c r="DL78" s="92"/>
      <c r="DM78" s="93"/>
      <c r="DN78" s="93"/>
      <c r="DO78" s="93"/>
      <c r="DP78" s="93"/>
      <c r="DQ78" s="93"/>
      <c r="DR78" s="93"/>
      <c r="DS78" s="93"/>
      <c r="DT78" s="93"/>
      <c r="DU78" s="93"/>
      <c r="DV78" s="93"/>
      <c r="DW78" s="93"/>
      <c r="DX78" s="93"/>
      <c r="DY78" s="93"/>
      <c r="DZ78" s="94"/>
      <c r="EA78" s="56"/>
      <c r="EB78" s="56"/>
      <c r="EC78" s="56"/>
      <c r="ED78" s="195"/>
      <c r="EE78" s="195"/>
      <c r="EF78" s="195"/>
      <c r="EG78" s="195"/>
      <c r="EH78" s="195"/>
      <c r="EI78" s="195"/>
      <c r="EJ78" s="125"/>
      <c r="EK78" s="126"/>
      <c r="EL78" s="126"/>
      <c r="EM78" s="126"/>
      <c r="EN78" s="126"/>
      <c r="EO78" s="126"/>
      <c r="EP78" s="126"/>
      <c r="EQ78" s="126"/>
      <c r="ER78" s="126"/>
      <c r="ES78" s="126"/>
      <c r="ET78" s="126"/>
      <c r="EU78" s="126"/>
      <c r="EV78" s="126"/>
      <c r="EW78" s="126"/>
      <c r="EX78" s="126"/>
      <c r="EY78" s="127"/>
      <c r="EZ78" s="121"/>
      <c r="FA78" s="121"/>
      <c r="FB78" s="121"/>
      <c r="FC78" s="121"/>
      <c r="FD78" s="121"/>
      <c r="FE78" s="121"/>
      <c r="FF78" s="121"/>
      <c r="FG78" s="121"/>
      <c r="FH78" s="121"/>
      <c r="FI78" s="121"/>
      <c r="FJ78" s="121"/>
      <c r="FK78" s="121"/>
      <c r="FL78" s="121"/>
      <c r="FM78" s="121"/>
      <c r="FN78" s="121"/>
      <c r="FO78" s="121"/>
      <c r="FP78" s="121"/>
      <c r="FQ78" s="121"/>
      <c r="FR78" s="121"/>
      <c r="FS78" s="121"/>
      <c r="FT78" s="121"/>
      <c r="FU78" s="121"/>
      <c r="FV78" s="121"/>
      <c r="FW78" s="121"/>
      <c r="FX78" s="121"/>
      <c r="FY78" s="121"/>
      <c r="FZ78" s="121"/>
      <c r="GA78" s="125"/>
      <c r="GB78" s="126"/>
      <c r="GC78" s="126"/>
      <c r="GD78" s="126"/>
      <c r="GE78" s="126"/>
      <c r="GF78" s="126"/>
      <c r="GG78" s="126"/>
      <c r="GH78" s="126"/>
      <c r="GI78" s="126"/>
      <c r="GJ78" s="126"/>
      <c r="GK78" s="126"/>
      <c r="GL78" s="126"/>
      <c r="GM78" s="126"/>
      <c r="GN78" s="127"/>
      <c r="GO78" s="121"/>
      <c r="GP78" s="121"/>
      <c r="GQ78" s="121"/>
      <c r="GR78" s="121"/>
      <c r="GS78" s="121"/>
      <c r="GT78" s="121"/>
      <c r="GU78" s="121"/>
      <c r="GV78" s="121"/>
      <c r="GW78" s="121"/>
      <c r="GX78" s="121"/>
      <c r="GY78" s="121"/>
      <c r="GZ78" s="121"/>
      <c r="HA78" s="121"/>
      <c r="HB78" s="121"/>
      <c r="HC78" s="121"/>
      <c r="HD78" s="121"/>
      <c r="HE78" s="121"/>
      <c r="HF78" s="121"/>
      <c r="HG78" s="121"/>
      <c r="HH78" s="121"/>
      <c r="HI78" s="121"/>
      <c r="HJ78" s="121"/>
      <c r="HK78" s="121"/>
      <c r="HL78" s="121"/>
      <c r="HM78" s="121"/>
      <c r="HN78" s="121"/>
      <c r="HO78" s="121"/>
      <c r="HP78" s="121"/>
      <c r="HQ78" s="121"/>
      <c r="HR78" s="69"/>
      <c r="HS78" s="69"/>
      <c r="HT78" s="69"/>
      <c r="HU78" s="69"/>
      <c r="HV78" s="69"/>
      <c r="HW78" s="69"/>
      <c r="HX78" s="69"/>
      <c r="HY78" s="69"/>
      <c r="HZ78" s="69"/>
      <c r="IA78" s="69"/>
      <c r="IB78" s="69"/>
      <c r="IC78" s="69"/>
    </row>
    <row r="79" spans="2:237" ht="6" customHeight="1">
      <c r="B79" s="171" t="s">
        <v>52</v>
      </c>
      <c r="C79" s="171"/>
      <c r="D79" s="171"/>
      <c r="E79" s="171"/>
      <c r="F79" s="171"/>
      <c r="G79" s="171"/>
      <c r="H79" s="171" t="s">
        <v>53</v>
      </c>
      <c r="I79" s="171"/>
      <c r="J79" s="171"/>
      <c r="K79" s="171"/>
      <c r="L79" s="171"/>
      <c r="M79" s="171"/>
      <c r="N79" s="171" t="s">
        <v>54</v>
      </c>
      <c r="O79" s="171"/>
      <c r="P79" s="171"/>
      <c r="Q79" s="171"/>
      <c r="R79" s="171"/>
      <c r="S79" s="171"/>
      <c r="T79" s="171" t="s">
        <v>55</v>
      </c>
      <c r="U79" s="171"/>
      <c r="V79" s="171"/>
      <c r="W79" s="171"/>
      <c r="X79" s="171"/>
      <c r="Y79" s="171"/>
      <c r="Z79" s="86"/>
      <c r="AA79" s="87"/>
      <c r="AB79" s="87"/>
      <c r="AC79" s="87"/>
      <c r="AD79" s="87"/>
      <c r="AE79" s="87"/>
      <c r="AF79" s="87"/>
      <c r="AG79" s="87"/>
      <c r="AH79" s="87"/>
      <c r="AI79" s="87"/>
      <c r="AJ79" s="87"/>
      <c r="AK79" s="87"/>
      <c r="AL79" s="87"/>
      <c r="AM79" s="87"/>
      <c r="AN79" s="87"/>
      <c r="AO79" s="87"/>
      <c r="AP79" s="87"/>
      <c r="AQ79" s="87"/>
      <c r="AR79" s="87"/>
      <c r="AS79" s="87"/>
      <c r="AT79" s="87"/>
      <c r="AU79" s="87"/>
      <c r="AV79" s="87"/>
      <c r="AW79" s="87"/>
      <c r="AX79" s="87"/>
      <c r="AY79" s="87"/>
      <c r="AZ79" s="87"/>
      <c r="BA79" s="87"/>
      <c r="BB79" s="87"/>
      <c r="BC79" s="87"/>
      <c r="BD79" s="87"/>
      <c r="BE79" s="87"/>
      <c r="BF79" s="87"/>
      <c r="BG79" s="87"/>
      <c r="BH79" s="87"/>
      <c r="BI79" s="87"/>
      <c r="BJ79" s="87"/>
      <c r="BK79" s="87"/>
      <c r="BL79" s="88"/>
      <c r="BM79" s="95"/>
      <c r="BN79" s="76"/>
      <c r="BO79" s="76"/>
      <c r="BP79" s="76"/>
      <c r="BQ79" s="76"/>
      <c r="BR79" s="76"/>
      <c r="BS79" s="76"/>
      <c r="BT79" s="76"/>
      <c r="BU79" s="76"/>
      <c r="BV79" s="76"/>
      <c r="BW79" s="76"/>
      <c r="BX79" s="76"/>
      <c r="BY79" s="76"/>
      <c r="BZ79" s="76"/>
      <c r="CA79" s="76"/>
      <c r="CB79" s="76"/>
      <c r="CC79" s="76"/>
      <c r="CD79" s="76"/>
      <c r="CE79" s="76"/>
      <c r="CF79" s="76"/>
      <c r="CG79" s="76"/>
      <c r="CH79" s="76"/>
      <c r="CI79" s="76"/>
      <c r="CJ79" s="76"/>
      <c r="CK79" s="76"/>
      <c r="CL79" s="76"/>
      <c r="CM79" s="76"/>
      <c r="CN79" s="76"/>
      <c r="CO79" s="76"/>
      <c r="CP79" s="107"/>
      <c r="CQ79" s="98"/>
      <c r="CR79" s="99"/>
      <c r="CS79" s="99"/>
      <c r="CT79" s="99"/>
      <c r="CU79" s="99"/>
      <c r="CV79" s="99"/>
      <c r="CW79" s="99"/>
      <c r="CX79" s="99"/>
      <c r="CY79" s="99"/>
      <c r="CZ79" s="99"/>
      <c r="DA79" s="99"/>
      <c r="DB79" s="99"/>
      <c r="DC79" s="99"/>
      <c r="DD79" s="99"/>
      <c r="DE79" s="99"/>
      <c r="DF79" s="99"/>
      <c r="DG79" s="99"/>
      <c r="DH79" s="99"/>
      <c r="DI79" s="99"/>
      <c r="DJ79" s="99"/>
      <c r="DK79" s="100"/>
      <c r="DL79" s="86"/>
      <c r="DM79" s="87"/>
      <c r="DN79" s="87"/>
      <c r="DO79" s="87"/>
      <c r="DP79" s="87"/>
      <c r="DQ79" s="87"/>
      <c r="DR79" s="87"/>
      <c r="DS79" s="87"/>
      <c r="DT79" s="87"/>
      <c r="DU79" s="87"/>
      <c r="DV79" s="87"/>
      <c r="DW79" s="87"/>
      <c r="DX79" s="87"/>
      <c r="DY79" s="87"/>
      <c r="DZ79" s="88"/>
      <c r="EA79" s="56"/>
      <c r="EB79" s="56"/>
      <c r="EC79" s="56"/>
      <c r="ED79" s="195"/>
      <c r="EE79" s="195"/>
      <c r="EF79" s="195"/>
      <c r="EG79" s="195"/>
      <c r="EH79" s="195"/>
      <c r="EI79" s="195"/>
      <c r="EJ79" s="128"/>
      <c r="EK79" s="129"/>
      <c r="EL79" s="129"/>
      <c r="EM79" s="129"/>
      <c r="EN79" s="129"/>
      <c r="EO79" s="129"/>
      <c r="EP79" s="129"/>
      <c r="EQ79" s="129"/>
      <c r="ER79" s="129"/>
      <c r="ES79" s="129"/>
      <c r="ET79" s="129"/>
      <c r="EU79" s="129"/>
      <c r="EV79" s="129"/>
      <c r="EW79" s="129"/>
      <c r="EX79" s="129"/>
      <c r="EY79" s="130"/>
      <c r="EZ79" s="121"/>
      <c r="FA79" s="121"/>
      <c r="FB79" s="121"/>
      <c r="FC79" s="121"/>
      <c r="FD79" s="121"/>
      <c r="FE79" s="121"/>
      <c r="FF79" s="121"/>
      <c r="FG79" s="121"/>
      <c r="FH79" s="121"/>
      <c r="FI79" s="121"/>
      <c r="FJ79" s="121"/>
      <c r="FK79" s="121"/>
      <c r="FL79" s="121"/>
      <c r="FM79" s="121"/>
      <c r="FN79" s="121"/>
      <c r="FO79" s="121"/>
      <c r="FP79" s="121"/>
      <c r="FQ79" s="121"/>
      <c r="FR79" s="121"/>
      <c r="FS79" s="121"/>
      <c r="FT79" s="121"/>
      <c r="FU79" s="121"/>
      <c r="FV79" s="121"/>
      <c r="FW79" s="121"/>
      <c r="FX79" s="121"/>
      <c r="FY79" s="121"/>
      <c r="FZ79" s="121"/>
      <c r="GA79" s="128"/>
      <c r="GB79" s="129"/>
      <c r="GC79" s="129"/>
      <c r="GD79" s="129"/>
      <c r="GE79" s="129"/>
      <c r="GF79" s="129"/>
      <c r="GG79" s="129"/>
      <c r="GH79" s="129"/>
      <c r="GI79" s="129"/>
      <c r="GJ79" s="129"/>
      <c r="GK79" s="129"/>
      <c r="GL79" s="129"/>
      <c r="GM79" s="129"/>
      <c r="GN79" s="130"/>
      <c r="GO79" s="121"/>
      <c r="GP79" s="121"/>
      <c r="GQ79" s="121"/>
      <c r="GR79" s="121"/>
      <c r="GS79" s="121"/>
      <c r="GT79" s="121"/>
      <c r="GU79" s="121"/>
      <c r="GV79" s="121"/>
      <c r="GW79" s="121"/>
      <c r="GX79" s="121"/>
      <c r="GY79" s="121"/>
      <c r="GZ79" s="121"/>
      <c r="HA79" s="121"/>
      <c r="HB79" s="121"/>
      <c r="HC79" s="121"/>
      <c r="HD79" s="121"/>
      <c r="HE79" s="121"/>
      <c r="HF79" s="121"/>
      <c r="HG79" s="121"/>
      <c r="HH79" s="121"/>
      <c r="HI79" s="121"/>
      <c r="HJ79" s="121"/>
      <c r="HK79" s="121"/>
      <c r="HL79" s="121"/>
      <c r="HM79" s="121"/>
      <c r="HN79" s="121"/>
      <c r="HO79" s="121"/>
      <c r="HP79" s="121"/>
      <c r="HQ79" s="121"/>
      <c r="HR79" s="69"/>
      <c r="HS79" s="69"/>
      <c r="HT79" s="69"/>
      <c r="HU79" s="69"/>
      <c r="HV79" s="69"/>
      <c r="HW79" s="69"/>
      <c r="HX79" s="69"/>
      <c r="HY79" s="69"/>
      <c r="HZ79" s="69"/>
      <c r="IA79" s="69"/>
      <c r="IB79" s="69"/>
      <c r="IC79" s="69"/>
    </row>
    <row r="80" spans="2:237" ht="6" customHeight="1">
      <c r="B80" s="171"/>
      <c r="C80" s="171"/>
      <c r="D80" s="171"/>
      <c r="E80" s="171"/>
      <c r="F80" s="171"/>
      <c r="G80" s="171"/>
      <c r="H80" s="171"/>
      <c r="I80" s="171"/>
      <c r="J80" s="171"/>
      <c r="K80" s="171"/>
      <c r="L80" s="171"/>
      <c r="M80" s="171"/>
      <c r="N80" s="171"/>
      <c r="O80" s="171"/>
      <c r="P80" s="171"/>
      <c r="Q80" s="171"/>
      <c r="R80" s="171"/>
      <c r="S80" s="171"/>
      <c r="T80" s="171"/>
      <c r="U80" s="171"/>
      <c r="V80" s="171"/>
      <c r="W80" s="171"/>
      <c r="X80" s="171"/>
      <c r="Y80" s="171"/>
      <c r="Z80" s="89"/>
      <c r="AA80" s="90"/>
      <c r="AB80" s="90"/>
      <c r="AC80" s="90"/>
      <c r="AD80" s="90"/>
      <c r="AE80" s="90"/>
      <c r="AF80" s="90"/>
      <c r="AG80" s="90"/>
      <c r="AH80" s="90"/>
      <c r="AI80" s="90"/>
      <c r="AJ80" s="90"/>
      <c r="AK80" s="90"/>
      <c r="AL80" s="90"/>
      <c r="AM80" s="90"/>
      <c r="AN80" s="90"/>
      <c r="AO80" s="90"/>
      <c r="AP80" s="90"/>
      <c r="AQ80" s="90"/>
      <c r="AR80" s="90"/>
      <c r="AS80" s="90"/>
      <c r="AT80" s="90"/>
      <c r="AU80" s="90"/>
      <c r="AV80" s="90"/>
      <c r="AW80" s="90"/>
      <c r="AX80" s="90"/>
      <c r="AY80" s="90"/>
      <c r="AZ80" s="90"/>
      <c r="BA80" s="90"/>
      <c r="BB80" s="90"/>
      <c r="BC80" s="90"/>
      <c r="BD80" s="90"/>
      <c r="BE80" s="90"/>
      <c r="BF80" s="90"/>
      <c r="BG80" s="90"/>
      <c r="BH80" s="90"/>
      <c r="BI80" s="90"/>
      <c r="BJ80" s="90"/>
      <c r="BK80" s="90"/>
      <c r="BL80" s="91"/>
      <c r="BM80" s="96"/>
      <c r="BN80" s="77"/>
      <c r="BO80" s="77"/>
      <c r="BP80" s="77"/>
      <c r="BQ80" s="77"/>
      <c r="BR80" s="77"/>
      <c r="BS80" s="77"/>
      <c r="BT80" s="77"/>
      <c r="BU80" s="77"/>
      <c r="BV80" s="77"/>
      <c r="BW80" s="77"/>
      <c r="BX80" s="77"/>
      <c r="BY80" s="77"/>
      <c r="BZ80" s="77"/>
      <c r="CA80" s="77"/>
      <c r="CB80" s="77"/>
      <c r="CC80" s="77"/>
      <c r="CD80" s="77"/>
      <c r="CE80" s="77"/>
      <c r="CF80" s="77"/>
      <c r="CG80" s="77"/>
      <c r="CH80" s="77"/>
      <c r="CI80" s="77"/>
      <c r="CJ80" s="77"/>
      <c r="CK80" s="77"/>
      <c r="CL80" s="77"/>
      <c r="CM80" s="77"/>
      <c r="CN80" s="77"/>
      <c r="CO80" s="77"/>
      <c r="CP80" s="108"/>
      <c r="CQ80" s="101"/>
      <c r="CR80" s="102"/>
      <c r="CS80" s="102"/>
      <c r="CT80" s="102"/>
      <c r="CU80" s="102"/>
      <c r="CV80" s="102"/>
      <c r="CW80" s="102"/>
      <c r="CX80" s="102"/>
      <c r="CY80" s="102"/>
      <c r="CZ80" s="102"/>
      <c r="DA80" s="102"/>
      <c r="DB80" s="102"/>
      <c r="DC80" s="102"/>
      <c r="DD80" s="102"/>
      <c r="DE80" s="102"/>
      <c r="DF80" s="102"/>
      <c r="DG80" s="102"/>
      <c r="DH80" s="102"/>
      <c r="DI80" s="102"/>
      <c r="DJ80" s="102"/>
      <c r="DK80" s="103"/>
      <c r="DL80" s="89"/>
      <c r="DM80" s="90"/>
      <c r="DN80" s="90"/>
      <c r="DO80" s="90"/>
      <c r="DP80" s="90"/>
      <c r="DQ80" s="90"/>
      <c r="DR80" s="90"/>
      <c r="DS80" s="90"/>
      <c r="DT80" s="90"/>
      <c r="DU80" s="90"/>
      <c r="DV80" s="90"/>
      <c r="DW80" s="90"/>
      <c r="DX80" s="90"/>
      <c r="DY80" s="90"/>
      <c r="DZ80" s="91"/>
      <c r="EA80" s="56"/>
      <c r="EB80" s="56"/>
      <c r="EC80" s="56"/>
      <c r="ED80" s="195"/>
      <c r="EE80" s="195"/>
      <c r="EF80" s="195"/>
      <c r="EG80" s="195"/>
      <c r="EH80" s="195"/>
      <c r="EI80" s="195"/>
      <c r="EJ80" s="122" t="s">
        <v>98</v>
      </c>
      <c r="EK80" s="123"/>
      <c r="EL80" s="123"/>
      <c r="EM80" s="123"/>
      <c r="EN80" s="123"/>
      <c r="EO80" s="123"/>
      <c r="EP80" s="123"/>
      <c r="EQ80" s="123"/>
      <c r="ER80" s="123"/>
      <c r="ES80" s="123"/>
      <c r="ET80" s="123"/>
      <c r="EU80" s="123"/>
      <c r="EV80" s="123"/>
      <c r="EW80" s="123"/>
      <c r="EX80" s="123"/>
      <c r="EY80" s="124"/>
      <c r="EZ80" s="121">
        <v>280000</v>
      </c>
      <c r="FA80" s="121"/>
      <c r="FB80" s="121"/>
      <c r="FC80" s="121"/>
      <c r="FD80" s="121"/>
      <c r="FE80" s="121"/>
      <c r="FF80" s="121"/>
      <c r="FG80" s="121"/>
      <c r="FH80" s="121"/>
      <c r="FI80" s="121"/>
      <c r="FJ80" s="121"/>
      <c r="FK80" s="121"/>
      <c r="FL80" s="121"/>
      <c r="FM80" s="121"/>
      <c r="FN80" s="121"/>
      <c r="FO80" s="121"/>
      <c r="FP80" s="121"/>
      <c r="FQ80" s="121"/>
      <c r="FR80" s="121"/>
      <c r="FS80" s="121"/>
      <c r="FT80" s="121"/>
      <c r="FU80" s="121"/>
      <c r="FV80" s="121"/>
      <c r="FW80" s="121"/>
      <c r="FX80" s="121"/>
      <c r="FY80" s="121"/>
      <c r="FZ80" s="121"/>
      <c r="GA80" s="120" t="s">
        <v>96</v>
      </c>
      <c r="GB80" s="120"/>
      <c r="GC80" s="120"/>
      <c r="GD80" s="120"/>
      <c r="GE80" s="120"/>
      <c r="GF80" s="120"/>
      <c r="GG80" s="120"/>
      <c r="GH80" s="120"/>
      <c r="GI80" s="120"/>
      <c r="GJ80" s="120"/>
      <c r="GK80" s="120"/>
      <c r="GL80" s="120"/>
      <c r="GM80" s="120"/>
      <c r="GN80" s="120"/>
      <c r="GO80" s="121">
        <f>GO72+GO76</f>
        <v>72000</v>
      </c>
      <c r="GP80" s="121"/>
      <c r="GQ80" s="121"/>
      <c r="GR80" s="121"/>
      <c r="GS80" s="121"/>
      <c r="GT80" s="121"/>
      <c r="GU80" s="121"/>
      <c r="GV80" s="121"/>
      <c r="GW80" s="121"/>
      <c r="GX80" s="121"/>
      <c r="GY80" s="121"/>
      <c r="GZ80" s="121"/>
      <c r="HA80" s="121"/>
      <c r="HB80" s="121"/>
      <c r="HC80" s="121"/>
      <c r="HD80" s="121"/>
      <c r="HE80" s="121"/>
      <c r="HF80" s="121"/>
      <c r="HG80" s="121"/>
      <c r="HH80" s="121"/>
      <c r="HI80" s="121"/>
      <c r="HJ80" s="121"/>
      <c r="HK80" s="121"/>
      <c r="HL80" s="121"/>
      <c r="HM80" s="121"/>
      <c r="HN80" s="121"/>
      <c r="HO80" s="121"/>
      <c r="HP80" s="121"/>
      <c r="HQ80" s="121"/>
      <c r="HR80" s="56"/>
      <c r="HS80" s="56"/>
      <c r="HT80" s="56"/>
      <c r="HU80" s="56"/>
      <c r="HV80" s="56"/>
      <c r="HW80" s="56"/>
      <c r="HX80" s="56"/>
      <c r="HY80" s="56"/>
      <c r="HZ80" s="56"/>
      <c r="IA80" s="56"/>
      <c r="IB80" s="56"/>
      <c r="IC80" s="56"/>
    </row>
    <row r="81" spans="2:237" ht="6" customHeight="1">
      <c r="B81" s="171"/>
      <c r="C81" s="171"/>
      <c r="D81" s="171"/>
      <c r="E81" s="171"/>
      <c r="F81" s="171"/>
      <c r="G81" s="171"/>
      <c r="H81" s="171"/>
      <c r="I81" s="171"/>
      <c r="J81" s="171"/>
      <c r="K81" s="171"/>
      <c r="L81" s="171"/>
      <c r="M81" s="171"/>
      <c r="N81" s="171"/>
      <c r="O81" s="171"/>
      <c r="P81" s="171"/>
      <c r="Q81" s="171"/>
      <c r="R81" s="171"/>
      <c r="S81" s="171"/>
      <c r="T81" s="171"/>
      <c r="U81" s="171"/>
      <c r="V81" s="171"/>
      <c r="W81" s="171"/>
      <c r="X81" s="171"/>
      <c r="Y81" s="171"/>
      <c r="Z81" s="89"/>
      <c r="AA81" s="90"/>
      <c r="AB81" s="90"/>
      <c r="AC81" s="90"/>
      <c r="AD81" s="90"/>
      <c r="AE81" s="90"/>
      <c r="AF81" s="90"/>
      <c r="AG81" s="90"/>
      <c r="AH81" s="90"/>
      <c r="AI81" s="90"/>
      <c r="AJ81" s="90"/>
      <c r="AK81" s="90"/>
      <c r="AL81" s="90"/>
      <c r="AM81" s="90"/>
      <c r="AN81" s="90"/>
      <c r="AO81" s="90"/>
      <c r="AP81" s="90"/>
      <c r="AQ81" s="90"/>
      <c r="AR81" s="90"/>
      <c r="AS81" s="90"/>
      <c r="AT81" s="90"/>
      <c r="AU81" s="90"/>
      <c r="AV81" s="90"/>
      <c r="AW81" s="90"/>
      <c r="AX81" s="90"/>
      <c r="AY81" s="90"/>
      <c r="AZ81" s="90"/>
      <c r="BA81" s="90"/>
      <c r="BB81" s="90"/>
      <c r="BC81" s="90"/>
      <c r="BD81" s="90"/>
      <c r="BE81" s="90"/>
      <c r="BF81" s="90"/>
      <c r="BG81" s="90"/>
      <c r="BH81" s="90"/>
      <c r="BI81" s="90"/>
      <c r="BJ81" s="90"/>
      <c r="BK81" s="90"/>
      <c r="BL81" s="91"/>
      <c r="BM81" s="96"/>
      <c r="BN81" s="77"/>
      <c r="BO81" s="77"/>
      <c r="BP81" s="77"/>
      <c r="BQ81" s="77"/>
      <c r="BR81" s="77"/>
      <c r="BS81" s="77"/>
      <c r="BT81" s="77"/>
      <c r="BU81" s="77"/>
      <c r="BV81" s="77"/>
      <c r="BW81" s="77"/>
      <c r="BX81" s="77"/>
      <c r="BY81" s="77"/>
      <c r="BZ81" s="77"/>
      <c r="CA81" s="77"/>
      <c r="CB81" s="77"/>
      <c r="CC81" s="77"/>
      <c r="CD81" s="77"/>
      <c r="CE81" s="77"/>
      <c r="CF81" s="77"/>
      <c r="CG81" s="77"/>
      <c r="CH81" s="77"/>
      <c r="CI81" s="77"/>
      <c r="CJ81" s="77"/>
      <c r="CK81" s="77"/>
      <c r="CL81" s="77"/>
      <c r="CM81" s="77"/>
      <c r="CN81" s="77"/>
      <c r="CO81" s="77"/>
      <c r="CP81" s="108"/>
      <c r="CQ81" s="101"/>
      <c r="CR81" s="102"/>
      <c r="CS81" s="102"/>
      <c r="CT81" s="102"/>
      <c r="CU81" s="102"/>
      <c r="CV81" s="102"/>
      <c r="CW81" s="102"/>
      <c r="CX81" s="102"/>
      <c r="CY81" s="102"/>
      <c r="CZ81" s="102"/>
      <c r="DA81" s="102"/>
      <c r="DB81" s="102"/>
      <c r="DC81" s="102"/>
      <c r="DD81" s="102"/>
      <c r="DE81" s="102"/>
      <c r="DF81" s="102"/>
      <c r="DG81" s="102"/>
      <c r="DH81" s="102"/>
      <c r="DI81" s="102"/>
      <c r="DJ81" s="102"/>
      <c r="DK81" s="103"/>
      <c r="DL81" s="89"/>
      <c r="DM81" s="90"/>
      <c r="DN81" s="90"/>
      <c r="DO81" s="90"/>
      <c r="DP81" s="90"/>
      <c r="DQ81" s="90"/>
      <c r="DR81" s="90"/>
      <c r="DS81" s="90"/>
      <c r="DT81" s="90"/>
      <c r="DU81" s="90"/>
      <c r="DV81" s="90"/>
      <c r="DW81" s="90"/>
      <c r="DX81" s="90"/>
      <c r="DY81" s="90"/>
      <c r="DZ81" s="91"/>
      <c r="EA81" s="56"/>
      <c r="EB81" s="56"/>
      <c r="EC81" s="56"/>
      <c r="ED81" s="195"/>
      <c r="EE81" s="195"/>
      <c r="EF81" s="195"/>
      <c r="EG81" s="195"/>
      <c r="EH81" s="195"/>
      <c r="EI81" s="195"/>
      <c r="EJ81" s="125"/>
      <c r="EK81" s="126"/>
      <c r="EL81" s="126"/>
      <c r="EM81" s="126"/>
      <c r="EN81" s="126"/>
      <c r="EO81" s="126"/>
      <c r="EP81" s="126"/>
      <c r="EQ81" s="126"/>
      <c r="ER81" s="126"/>
      <c r="ES81" s="126"/>
      <c r="ET81" s="126"/>
      <c r="EU81" s="126"/>
      <c r="EV81" s="126"/>
      <c r="EW81" s="126"/>
      <c r="EX81" s="126"/>
      <c r="EY81" s="127"/>
      <c r="EZ81" s="121"/>
      <c r="FA81" s="121"/>
      <c r="FB81" s="121"/>
      <c r="FC81" s="121"/>
      <c r="FD81" s="121"/>
      <c r="FE81" s="121"/>
      <c r="FF81" s="121"/>
      <c r="FG81" s="121"/>
      <c r="FH81" s="121"/>
      <c r="FI81" s="121"/>
      <c r="FJ81" s="121"/>
      <c r="FK81" s="121"/>
      <c r="FL81" s="121"/>
      <c r="FM81" s="121"/>
      <c r="FN81" s="121"/>
      <c r="FO81" s="121"/>
      <c r="FP81" s="121"/>
      <c r="FQ81" s="121"/>
      <c r="FR81" s="121"/>
      <c r="FS81" s="121"/>
      <c r="FT81" s="121"/>
      <c r="FU81" s="121"/>
      <c r="FV81" s="121"/>
      <c r="FW81" s="121"/>
      <c r="FX81" s="121"/>
      <c r="FY81" s="121"/>
      <c r="FZ81" s="121"/>
      <c r="GA81" s="120"/>
      <c r="GB81" s="120"/>
      <c r="GC81" s="120"/>
      <c r="GD81" s="120"/>
      <c r="GE81" s="120"/>
      <c r="GF81" s="120"/>
      <c r="GG81" s="120"/>
      <c r="GH81" s="120"/>
      <c r="GI81" s="120"/>
      <c r="GJ81" s="120"/>
      <c r="GK81" s="120"/>
      <c r="GL81" s="120"/>
      <c r="GM81" s="120"/>
      <c r="GN81" s="120"/>
      <c r="GO81" s="121"/>
      <c r="GP81" s="121"/>
      <c r="GQ81" s="121"/>
      <c r="GR81" s="121"/>
      <c r="GS81" s="121"/>
      <c r="GT81" s="121"/>
      <c r="GU81" s="121"/>
      <c r="GV81" s="121"/>
      <c r="GW81" s="121"/>
      <c r="GX81" s="121"/>
      <c r="GY81" s="121"/>
      <c r="GZ81" s="121"/>
      <c r="HA81" s="121"/>
      <c r="HB81" s="121"/>
      <c r="HC81" s="121"/>
      <c r="HD81" s="121"/>
      <c r="HE81" s="121"/>
      <c r="HF81" s="121"/>
      <c r="HG81" s="121"/>
      <c r="HH81" s="121"/>
      <c r="HI81" s="121"/>
      <c r="HJ81" s="121"/>
      <c r="HK81" s="121"/>
      <c r="HL81" s="121"/>
      <c r="HM81" s="121"/>
      <c r="HN81" s="121"/>
      <c r="HO81" s="121"/>
      <c r="HP81" s="121"/>
      <c r="HQ81" s="121"/>
      <c r="HR81" s="56"/>
      <c r="HS81" s="56"/>
      <c r="HT81" s="56"/>
      <c r="HU81" s="56"/>
      <c r="HV81" s="56"/>
      <c r="HW81" s="56"/>
      <c r="HX81" s="56"/>
      <c r="HY81" s="56"/>
      <c r="HZ81" s="56"/>
      <c r="IA81" s="56"/>
      <c r="IB81" s="56"/>
      <c r="IC81" s="56"/>
    </row>
    <row r="82" spans="2:237" ht="6" customHeight="1">
      <c r="B82" s="171"/>
      <c r="C82" s="171"/>
      <c r="D82" s="171"/>
      <c r="E82" s="171"/>
      <c r="F82" s="171"/>
      <c r="G82" s="171"/>
      <c r="H82" s="171"/>
      <c r="I82" s="171"/>
      <c r="J82" s="171"/>
      <c r="K82" s="171"/>
      <c r="L82" s="171"/>
      <c r="M82" s="171"/>
      <c r="N82" s="171"/>
      <c r="O82" s="171"/>
      <c r="P82" s="171"/>
      <c r="Q82" s="171"/>
      <c r="R82" s="171"/>
      <c r="S82" s="171"/>
      <c r="T82" s="171"/>
      <c r="U82" s="171"/>
      <c r="V82" s="171"/>
      <c r="W82" s="171"/>
      <c r="X82" s="171"/>
      <c r="Y82" s="171"/>
      <c r="Z82" s="92"/>
      <c r="AA82" s="93"/>
      <c r="AB82" s="93"/>
      <c r="AC82" s="93"/>
      <c r="AD82" s="93"/>
      <c r="AE82" s="93"/>
      <c r="AF82" s="93"/>
      <c r="AG82" s="93"/>
      <c r="AH82" s="93"/>
      <c r="AI82" s="93"/>
      <c r="AJ82" s="93"/>
      <c r="AK82" s="93"/>
      <c r="AL82" s="93"/>
      <c r="AM82" s="93"/>
      <c r="AN82" s="93"/>
      <c r="AO82" s="93"/>
      <c r="AP82" s="93"/>
      <c r="AQ82" s="93"/>
      <c r="AR82" s="93"/>
      <c r="AS82" s="93"/>
      <c r="AT82" s="93"/>
      <c r="AU82" s="93"/>
      <c r="AV82" s="93"/>
      <c r="AW82" s="93"/>
      <c r="AX82" s="93"/>
      <c r="AY82" s="93"/>
      <c r="AZ82" s="93"/>
      <c r="BA82" s="93"/>
      <c r="BB82" s="93"/>
      <c r="BC82" s="93"/>
      <c r="BD82" s="93"/>
      <c r="BE82" s="93"/>
      <c r="BF82" s="93"/>
      <c r="BG82" s="93"/>
      <c r="BH82" s="93"/>
      <c r="BI82" s="93"/>
      <c r="BJ82" s="93"/>
      <c r="BK82" s="93"/>
      <c r="BL82" s="94"/>
      <c r="BM82" s="97"/>
      <c r="BN82" s="78"/>
      <c r="BO82" s="78"/>
      <c r="BP82" s="78"/>
      <c r="BQ82" s="78"/>
      <c r="BR82" s="78"/>
      <c r="BS82" s="78"/>
      <c r="BT82" s="78"/>
      <c r="BU82" s="78"/>
      <c r="BV82" s="78"/>
      <c r="BW82" s="78"/>
      <c r="BX82" s="78"/>
      <c r="BY82" s="78"/>
      <c r="BZ82" s="78"/>
      <c r="CA82" s="78"/>
      <c r="CB82" s="78"/>
      <c r="CC82" s="78"/>
      <c r="CD82" s="78"/>
      <c r="CE82" s="78"/>
      <c r="CF82" s="78"/>
      <c r="CG82" s="78"/>
      <c r="CH82" s="78"/>
      <c r="CI82" s="78"/>
      <c r="CJ82" s="78"/>
      <c r="CK82" s="78"/>
      <c r="CL82" s="78"/>
      <c r="CM82" s="78"/>
      <c r="CN82" s="78"/>
      <c r="CO82" s="78"/>
      <c r="CP82" s="109"/>
      <c r="CQ82" s="104"/>
      <c r="CR82" s="105"/>
      <c r="CS82" s="105"/>
      <c r="CT82" s="105"/>
      <c r="CU82" s="105"/>
      <c r="CV82" s="105"/>
      <c r="CW82" s="105"/>
      <c r="CX82" s="105"/>
      <c r="CY82" s="105"/>
      <c r="CZ82" s="105"/>
      <c r="DA82" s="105"/>
      <c r="DB82" s="105"/>
      <c r="DC82" s="105"/>
      <c r="DD82" s="105"/>
      <c r="DE82" s="105"/>
      <c r="DF82" s="105"/>
      <c r="DG82" s="105"/>
      <c r="DH82" s="105"/>
      <c r="DI82" s="105"/>
      <c r="DJ82" s="105"/>
      <c r="DK82" s="106"/>
      <c r="DL82" s="92"/>
      <c r="DM82" s="93"/>
      <c r="DN82" s="93"/>
      <c r="DO82" s="93"/>
      <c r="DP82" s="93"/>
      <c r="DQ82" s="93"/>
      <c r="DR82" s="93"/>
      <c r="DS82" s="93"/>
      <c r="DT82" s="93"/>
      <c r="DU82" s="93"/>
      <c r="DV82" s="93"/>
      <c r="DW82" s="93"/>
      <c r="DX82" s="93"/>
      <c r="DY82" s="93"/>
      <c r="DZ82" s="94"/>
      <c r="EA82" s="56"/>
      <c r="EB82" s="56"/>
      <c r="EC82" s="56"/>
      <c r="ED82" s="195"/>
      <c r="EE82" s="195"/>
      <c r="EF82" s="195"/>
      <c r="EG82" s="195"/>
      <c r="EH82" s="195"/>
      <c r="EI82" s="195"/>
      <c r="EJ82" s="125"/>
      <c r="EK82" s="126"/>
      <c r="EL82" s="126"/>
      <c r="EM82" s="126"/>
      <c r="EN82" s="126"/>
      <c r="EO82" s="126"/>
      <c r="EP82" s="126"/>
      <c r="EQ82" s="126"/>
      <c r="ER82" s="126"/>
      <c r="ES82" s="126"/>
      <c r="ET82" s="126"/>
      <c r="EU82" s="126"/>
      <c r="EV82" s="126"/>
      <c r="EW82" s="126"/>
      <c r="EX82" s="126"/>
      <c r="EY82" s="127"/>
      <c r="EZ82" s="121"/>
      <c r="FA82" s="121"/>
      <c r="FB82" s="121"/>
      <c r="FC82" s="121"/>
      <c r="FD82" s="121"/>
      <c r="FE82" s="121"/>
      <c r="FF82" s="121"/>
      <c r="FG82" s="121"/>
      <c r="FH82" s="121"/>
      <c r="FI82" s="121"/>
      <c r="FJ82" s="121"/>
      <c r="FK82" s="121"/>
      <c r="FL82" s="121"/>
      <c r="FM82" s="121"/>
      <c r="FN82" s="121"/>
      <c r="FO82" s="121"/>
      <c r="FP82" s="121"/>
      <c r="FQ82" s="121"/>
      <c r="FR82" s="121"/>
      <c r="FS82" s="121"/>
      <c r="FT82" s="121"/>
      <c r="FU82" s="121"/>
      <c r="FV82" s="121"/>
      <c r="FW82" s="121"/>
      <c r="FX82" s="121"/>
      <c r="FY82" s="121"/>
      <c r="FZ82" s="121"/>
      <c r="GA82" s="120"/>
      <c r="GB82" s="120"/>
      <c r="GC82" s="120"/>
      <c r="GD82" s="120"/>
      <c r="GE82" s="120"/>
      <c r="GF82" s="120"/>
      <c r="GG82" s="120"/>
      <c r="GH82" s="120"/>
      <c r="GI82" s="120"/>
      <c r="GJ82" s="120"/>
      <c r="GK82" s="120"/>
      <c r="GL82" s="120"/>
      <c r="GM82" s="120"/>
      <c r="GN82" s="120"/>
      <c r="GO82" s="121"/>
      <c r="GP82" s="121"/>
      <c r="GQ82" s="121"/>
      <c r="GR82" s="121"/>
      <c r="GS82" s="121"/>
      <c r="GT82" s="121"/>
      <c r="GU82" s="121"/>
      <c r="GV82" s="121"/>
      <c r="GW82" s="121"/>
      <c r="GX82" s="121"/>
      <c r="GY82" s="121"/>
      <c r="GZ82" s="121"/>
      <c r="HA82" s="121"/>
      <c r="HB82" s="121"/>
      <c r="HC82" s="121"/>
      <c r="HD82" s="121"/>
      <c r="HE82" s="121"/>
      <c r="HF82" s="121"/>
      <c r="HG82" s="121"/>
      <c r="HH82" s="121"/>
      <c r="HI82" s="121"/>
      <c r="HJ82" s="121"/>
      <c r="HK82" s="121"/>
      <c r="HL82" s="121"/>
      <c r="HM82" s="121"/>
      <c r="HN82" s="121"/>
      <c r="HO82" s="121"/>
      <c r="HP82" s="121"/>
      <c r="HQ82" s="121"/>
      <c r="HR82" s="56"/>
      <c r="HS82" s="56"/>
      <c r="HT82" s="56"/>
      <c r="HU82" s="56"/>
      <c r="HV82" s="56"/>
      <c r="HW82" s="56"/>
      <c r="HX82" s="56"/>
      <c r="HY82" s="56"/>
      <c r="HZ82" s="56"/>
      <c r="IA82" s="56"/>
      <c r="IB82" s="56"/>
      <c r="IC82" s="56"/>
    </row>
    <row r="83" spans="2:237" ht="6" customHeight="1">
      <c r="B83" s="175" t="s">
        <v>97</v>
      </c>
      <c r="C83" s="176"/>
      <c r="D83" s="176"/>
      <c r="E83" s="176"/>
      <c r="F83" s="176"/>
      <c r="G83" s="176"/>
      <c r="H83" s="176"/>
      <c r="I83" s="176"/>
      <c r="J83" s="176"/>
      <c r="K83" s="176"/>
      <c r="L83" s="176"/>
      <c r="M83" s="176"/>
      <c r="N83" s="176"/>
      <c r="O83" s="176"/>
      <c r="P83" s="176"/>
      <c r="Q83" s="176"/>
      <c r="R83" s="176"/>
      <c r="S83" s="176"/>
      <c r="T83" s="176"/>
      <c r="U83" s="176"/>
      <c r="V83" s="176"/>
      <c r="W83" s="176"/>
      <c r="X83" s="176"/>
      <c r="Y83" s="176"/>
      <c r="Z83" s="176"/>
      <c r="AA83" s="176"/>
      <c r="AB83" s="176"/>
      <c r="AC83" s="176"/>
      <c r="AD83" s="176"/>
      <c r="AE83" s="176"/>
      <c r="AF83" s="176"/>
      <c r="AG83" s="176"/>
      <c r="AH83" s="176"/>
      <c r="AI83" s="176"/>
      <c r="AJ83" s="176"/>
      <c r="AK83" s="176"/>
      <c r="AL83" s="176"/>
      <c r="AM83" s="176"/>
      <c r="AN83" s="176"/>
      <c r="AO83" s="176"/>
      <c r="AP83" s="176"/>
      <c r="AQ83" s="176"/>
      <c r="AR83" s="176"/>
      <c r="AS83" s="176"/>
      <c r="AT83" s="176"/>
      <c r="AU83" s="176"/>
      <c r="AV83" s="176"/>
      <c r="AW83" s="176"/>
      <c r="AX83" s="176"/>
      <c r="AY83" s="176"/>
      <c r="AZ83" s="177"/>
      <c r="BA83" s="112" t="s">
        <v>92</v>
      </c>
      <c r="BB83" s="113"/>
      <c r="BC83" s="113"/>
      <c r="BD83" s="113"/>
      <c r="BE83" s="113"/>
      <c r="BF83" s="113"/>
      <c r="BG83" s="113"/>
      <c r="BH83" s="113"/>
      <c r="BI83" s="113"/>
      <c r="BJ83" s="113"/>
      <c r="BK83" s="113"/>
      <c r="BL83" s="113"/>
      <c r="BM83" s="95"/>
      <c r="BN83" s="76"/>
      <c r="BO83" s="76"/>
      <c r="BP83" s="76"/>
      <c r="BQ83" s="76"/>
      <c r="BR83" s="76"/>
      <c r="BS83" s="76"/>
      <c r="BT83" s="76"/>
      <c r="BU83" s="76"/>
      <c r="BV83" s="76"/>
      <c r="BW83" s="76"/>
      <c r="BX83" s="76"/>
      <c r="BY83" s="76"/>
      <c r="BZ83" s="76"/>
      <c r="CA83" s="76"/>
      <c r="CB83" s="76"/>
      <c r="CC83" s="76"/>
      <c r="CD83" s="76"/>
      <c r="CE83" s="76"/>
      <c r="CF83" s="76"/>
      <c r="CG83" s="76"/>
      <c r="CH83" s="76"/>
      <c r="CI83" s="76"/>
      <c r="CJ83" s="76"/>
      <c r="CK83" s="76"/>
      <c r="CL83" s="76"/>
      <c r="CM83" s="76"/>
      <c r="CN83" s="76"/>
      <c r="CO83" s="76"/>
      <c r="CP83" s="107"/>
      <c r="CQ83" s="116" t="s">
        <v>93</v>
      </c>
      <c r="CR83" s="116"/>
      <c r="CS83" s="116"/>
      <c r="CT83" s="116"/>
      <c r="CU83" s="116"/>
      <c r="CV83" s="116"/>
      <c r="CW83" s="116"/>
      <c r="CX83" s="116"/>
      <c r="CY83" s="117"/>
      <c r="CZ83" s="95"/>
      <c r="DA83" s="76"/>
      <c r="DB83" s="76"/>
      <c r="DC83" s="76"/>
      <c r="DD83" s="76"/>
      <c r="DE83" s="76"/>
      <c r="DF83" s="76"/>
      <c r="DG83" s="76"/>
      <c r="DH83" s="76"/>
      <c r="DI83" s="76"/>
      <c r="DJ83" s="76"/>
      <c r="DK83" s="76"/>
      <c r="DL83" s="76"/>
      <c r="DM83" s="76"/>
      <c r="DN83" s="76"/>
      <c r="DO83" s="76"/>
      <c r="DP83" s="76"/>
      <c r="DQ83" s="76"/>
      <c r="DR83" s="76"/>
      <c r="DS83" s="76"/>
      <c r="DT83" s="76"/>
      <c r="DU83" s="76"/>
      <c r="DV83" s="76"/>
      <c r="DW83" s="76"/>
      <c r="DX83" s="76"/>
      <c r="DY83" s="76"/>
      <c r="DZ83" s="107"/>
      <c r="EA83" s="56"/>
      <c r="EB83" s="56"/>
      <c r="EC83" s="56"/>
      <c r="ED83" s="195"/>
      <c r="EE83" s="195"/>
      <c r="EF83" s="195"/>
      <c r="EG83" s="195"/>
      <c r="EH83" s="195"/>
      <c r="EI83" s="195"/>
      <c r="EJ83" s="128"/>
      <c r="EK83" s="129"/>
      <c r="EL83" s="129"/>
      <c r="EM83" s="129"/>
      <c r="EN83" s="129"/>
      <c r="EO83" s="129"/>
      <c r="EP83" s="129"/>
      <c r="EQ83" s="129"/>
      <c r="ER83" s="129"/>
      <c r="ES83" s="129"/>
      <c r="ET83" s="129"/>
      <c r="EU83" s="129"/>
      <c r="EV83" s="129"/>
      <c r="EW83" s="129"/>
      <c r="EX83" s="129"/>
      <c r="EY83" s="130"/>
      <c r="EZ83" s="121"/>
      <c r="FA83" s="121"/>
      <c r="FB83" s="121"/>
      <c r="FC83" s="121"/>
      <c r="FD83" s="121"/>
      <c r="FE83" s="121"/>
      <c r="FF83" s="121"/>
      <c r="FG83" s="121"/>
      <c r="FH83" s="121"/>
      <c r="FI83" s="121"/>
      <c r="FJ83" s="121"/>
      <c r="FK83" s="121"/>
      <c r="FL83" s="121"/>
      <c r="FM83" s="121"/>
      <c r="FN83" s="121"/>
      <c r="FO83" s="121"/>
      <c r="FP83" s="121"/>
      <c r="FQ83" s="121"/>
      <c r="FR83" s="121"/>
      <c r="FS83" s="121"/>
      <c r="FT83" s="121"/>
      <c r="FU83" s="121"/>
      <c r="FV83" s="121"/>
      <c r="FW83" s="121"/>
      <c r="FX83" s="121"/>
      <c r="FY83" s="121"/>
      <c r="FZ83" s="121"/>
      <c r="GA83" s="120"/>
      <c r="GB83" s="120"/>
      <c r="GC83" s="120"/>
      <c r="GD83" s="120"/>
      <c r="GE83" s="120"/>
      <c r="GF83" s="120"/>
      <c r="GG83" s="120"/>
      <c r="GH83" s="120"/>
      <c r="GI83" s="120"/>
      <c r="GJ83" s="120"/>
      <c r="GK83" s="120"/>
      <c r="GL83" s="120"/>
      <c r="GM83" s="120"/>
      <c r="GN83" s="120"/>
      <c r="GO83" s="121"/>
      <c r="GP83" s="121"/>
      <c r="GQ83" s="121"/>
      <c r="GR83" s="121"/>
      <c r="GS83" s="121"/>
      <c r="GT83" s="121"/>
      <c r="GU83" s="121"/>
      <c r="GV83" s="121"/>
      <c r="GW83" s="121"/>
      <c r="GX83" s="121"/>
      <c r="GY83" s="121"/>
      <c r="GZ83" s="121"/>
      <c r="HA83" s="121"/>
      <c r="HB83" s="121"/>
      <c r="HC83" s="121"/>
      <c r="HD83" s="121"/>
      <c r="HE83" s="121"/>
      <c r="HF83" s="121"/>
      <c r="HG83" s="121"/>
      <c r="HH83" s="121"/>
      <c r="HI83" s="121"/>
      <c r="HJ83" s="121"/>
      <c r="HK83" s="121"/>
      <c r="HL83" s="121"/>
      <c r="HM83" s="121"/>
      <c r="HN83" s="121"/>
      <c r="HO83" s="121"/>
      <c r="HP83" s="121"/>
      <c r="HQ83" s="121"/>
      <c r="HR83" s="56"/>
      <c r="HS83" s="56"/>
      <c r="HT83" s="56"/>
      <c r="HU83" s="56"/>
      <c r="HV83" s="56"/>
      <c r="HW83" s="56"/>
      <c r="HX83" s="56"/>
      <c r="HY83" s="56"/>
      <c r="HZ83" s="56"/>
      <c r="IA83" s="56"/>
      <c r="IB83" s="56"/>
      <c r="IC83" s="56"/>
    </row>
    <row r="84" spans="2:237" ht="6" customHeight="1">
      <c r="B84" s="178"/>
      <c r="C84" s="179"/>
      <c r="D84" s="179"/>
      <c r="E84" s="179"/>
      <c r="F84" s="179"/>
      <c r="G84" s="179"/>
      <c r="H84" s="179"/>
      <c r="I84" s="179"/>
      <c r="J84" s="179"/>
      <c r="K84" s="179"/>
      <c r="L84" s="179"/>
      <c r="M84" s="179"/>
      <c r="N84" s="179"/>
      <c r="O84" s="179"/>
      <c r="P84" s="179"/>
      <c r="Q84" s="179"/>
      <c r="R84" s="179"/>
      <c r="S84" s="179"/>
      <c r="T84" s="179"/>
      <c r="U84" s="179"/>
      <c r="V84" s="179"/>
      <c r="W84" s="179"/>
      <c r="X84" s="179"/>
      <c r="Y84" s="179"/>
      <c r="Z84" s="179"/>
      <c r="AA84" s="179"/>
      <c r="AB84" s="179"/>
      <c r="AC84" s="179"/>
      <c r="AD84" s="179"/>
      <c r="AE84" s="179"/>
      <c r="AF84" s="179"/>
      <c r="AG84" s="179"/>
      <c r="AH84" s="179"/>
      <c r="AI84" s="179"/>
      <c r="AJ84" s="179"/>
      <c r="AK84" s="179"/>
      <c r="AL84" s="179"/>
      <c r="AM84" s="179"/>
      <c r="AN84" s="179"/>
      <c r="AO84" s="179"/>
      <c r="AP84" s="179"/>
      <c r="AQ84" s="179"/>
      <c r="AR84" s="179"/>
      <c r="AS84" s="179"/>
      <c r="AT84" s="179"/>
      <c r="AU84" s="179"/>
      <c r="AV84" s="179"/>
      <c r="AW84" s="179"/>
      <c r="AX84" s="179"/>
      <c r="AY84" s="179"/>
      <c r="AZ84" s="180"/>
      <c r="BA84" s="112"/>
      <c r="BB84" s="113"/>
      <c r="BC84" s="113"/>
      <c r="BD84" s="113"/>
      <c r="BE84" s="113"/>
      <c r="BF84" s="113"/>
      <c r="BG84" s="113"/>
      <c r="BH84" s="113"/>
      <c r="BI84" s="113"/>
      <c r="BJ84" s="113"/>
      <c r="BK84" s="113"/>
      <c r="BL84" s="113"/>
      <c r="BM84" s="96"/>
      <c r="BN84" s="77"/>
      <c r="BO84" s="77"/>
      <c r="BP84" s="77"/>
      <c r="BQ84" s="77"/>
      <c r="BR84" s="77"/>
      <c r="BS84" s="77"/>
      <c r="BT84" s="77"/>
      <c r="BU84" s="77"/>
      <c r="BV84" s="77"/>
      <c r="BW84" s="77"/>
      <c r="BX84" s="77"/>
      <c r="BY84" s="77"/>
      <c r="BZ84" s="77"/>
      <c r="CA84" s="77"/>
      <c r="CB84" s="77"/>
      <c r="CC84" s="77"/>
      <c r="CD84" s="77"/>
      <c r="CE84" s="77"/>
      <c r="CF84" s="77"/>
      <c r="CG84" s="77"/>
      <c r="CH84" s="77"/>
      <c r="CI84" s="77"/>
      <c r="CJ84" s="77"/>
      <c r="CK84" s="77"/>
      <c r="CL84" s="77"/>
      <c r="CM84" s="77"/>
      <c r="CN84" s="77"/>
      <c r="CO84" s="77"/>
      <c r="CP84" s="108"/>
      <c r="CQ84" s="118"/>
      <c r="CR84" s="118"/>
      <c r="CS84" s="118"/>
      <c r="CT84" s="118"/>
      <c r="CU84" s="118"/>
      <c r="CV84" s="118"/>
      <c r="CW84" s="118"/>
      <c r="CX84" s="118"/>
      <c r="CY84" s="119"/>
      <c r="CZ84" s="96"/>
      <c r="DA84" s="77"/>
      <c r="DB84" s="77"/>
      <c r="DC84" s="77"/>
      <c r="DD84" s="77"/>
      <c r="DE84" s="77"/>
      <c r="DF84" s="77"/>
      <c r="DG84" s="77"/>
      <c r="DH84" s="77"/>
      <c r="DI84" s="77"/>
      <c r="DJ84" s="77"/>
      <c r="DK84" s="77"/>
      <c r="DL84" s="77"/>
      <c r="DM84" s="77"/>
      <c r="DN84" s="77"/>
      <c r="DO84" s="77"/>
      <c r="DP84" s="77"/>
      <c r="DQ84" s="77"/>
      <c r="DR84" s="77"/>
      <c r="DS84" s="77"/>
      <c r="DT84" s="77"/>
      <c r="DU84" s="77"/>
      <c r="DV84" s="77"/>
      <c r="DW84" s="77"/>
      <c r="DX84" s="77"/>
      <c r="DY84" s="77"/>
      <c r="DZ84" s="108"/>
      <c r="EA84" s="56"/>
      <c r="EB84" s="56"/>
      <c r="EC84" s="56"/>
      <c r="ED84" s="195"/>
      <c r="EE84" s="195"/>
      <c r="EF84" s="195"/>
      <c r="EG84" s="195"/>
      <c r="EH84" s="195"/>
      <c r="EI84" s="195"/>
      <c r="EJ84" s="122" t="s">
        <v>99</v>
      </c>
      <c r="EK84" s="123"/>
      <c r="EL84" s="123"/>
      <c r="EM84" s="123"/>
      <c r="EN84" s="123"/>
      <c r="EO84" s="123"/>
      <c r="EP84" s="123"/>
      <c r="EQ84" s="123"/>
      <c r="ER84" s="123"/>
      <c r="ES84" s="123"/>
      <c r="ET84" s="123"/>
      <c r="EU84" s="123"/>
      <c r="EV84" s="123"/>
      <c r="EW84" s="123"/>
      <c r="EX84" s="123"/>
      <c r="EY84" s="124"/>
      <c r="EZ84" s="121">
        <f>EZ72+EZ76+EZ80</f>
        <v>1080000</v>
      </c>
      <c r="FA84" s="121"/>
      <c r="FB84" s="121"/>
      <c r="FC84" s="121"/>
      <c r="FD84" s="121"/>
      <c r="FE84" s="121"/>
      <c r="FF84" s="121"/>
      <c r="FG84" s="121"/>
      <c r="FH84" s="121"/>
      <c r="FI84" s="121"/>
      <c r="FJ84" s="121"/>
      <c r="FK84" s="121"/>
      <c r="FL84" s="121"/>
      <c r="FM84" s="121"/>
      <c r="FN84" s="121"/>
      <c r="FO84" s="121"/>
      <c r="FP84" s="121"/>
      <c r="FQ84" s="121"/>
      <c r="FR84" s="121"/>
      <c r="FS84" s="121"/>
      <c r="FT84" s="121"/>
      <c r="FU84" s="121"/>
      <c r="FV84" s="121"/>
      <c r="FW84" s="121"/>
      <c r="FX84" s="121"/>
      <c r="FY84" s="121"/>
      <c r="FZ84" s="121"/>
      <c r="GA84" s="120" t="s">
        <v>64</v>
      </c>
      <c r="GB84" s="120"/>
      <c r="GC84" s="120"/>
      <c r="GD84" s="120"/>
      <c r="GE84" s="120"/>
      <c r="GF84" s="120"/>
      <c r="GG84" s="120"/>
      <c r="GH84" s="120"/>
      <c r="GI84" s="120"/>
      <c r="GJ84" s="120"/>
      <c r="GK84" s="120"/>
      <c r="GL84" s="120"/>
      <c r="GM84" s="120"/>
      <c r="GN84" s="120"/>
      <c r="GO84" s="121">
        <f>EZ84+GO80</f>
        <v>1152000</v>
      </c>
      <c r="GP84" s="121"/>
      <c r="GQ84" s="121"/>
      <c r="GR84" s="121"/>
      <c r="GS84" s="121"/>
      <c r="GT84" s="121"/>
      <c r="GU84" s="121"/>
      <c r="GV84" s="121"/>
      <c r="GW84" s="121"/>
      <c r="GX84" s="121"/>
      <c r="GY84" s="121"/>
      <c r="GZ84" s="121"/>
      <c r="HA84" s="121"/>
      <c r="HB84" s="121"/>
      <c r="HC84" s="121"/>
      <c r="HD84" s="121"/>
      <c r="HE84" s="121"/>
      <c r="HF84" s="121"/>
      <c r="HG84" s="121"/>
      <c r="HH84" s="121"/>
      <c r="HI84" s="121"/>
      <c r="HJ84" s="121"/>
      <c r="HK84" s="121"/>
      <c r="HL84" s="121"/>
      <c r="HM84" s="121"/>
      <c r="HN84" s="121"/>
      <c r="HO84" s="121"/>
      <c r="HP84" s="121"/>
      <c r="HQ84" s="121"/>
      <c r="HR84" s="56"/>
      <c r="HS84" s="56"/>
      <c r="HT84" s="56"/>
      <c r="HU84" s="56"/>
      <c r="HV84" s="56"/>
      <c r="HW84" s="56"/>
      <c r="HX84" s="56"/>
      <c r="HY84" s="56"/>
      <c r="HZ84" s="56"/>
      <c r="IA84" s="56"/>
      <c r="IB84" s="56"/>
      <c r="IC84" s="56"/>
    </row>
    <row r="85" spans="2:237" ht="6" customHeight="1">
      <c r="B85" s="178"/>
      <c r="C85" s="179"/>
      <c r="D85" s="179"/>
      <c r="E85" s="179"/>
      <c r="F85" s="179"/>
      <c r="G85" s="179"/>
      <c r="H85" s="179"/>
      <c r="I85" s="179"/>
      <c r="J85" s="179"/>
      <c r="K85" s="179"/>
      <c r="L85" s="179"/>
      <c r="M85" s="179"/>
      <c r="N85" s="179"/>
      <c r="O85" s="179"/>
      <c r="P85" s="179"/>
      <c r="Q85" s="179"/>
      <c r="R85" s="179"/>
      <c r="S85" s="179"/>
      <c r="T85" s="179"/>
      <c r="U85" s="179"/>
      <c r="V85" s="179"/>
      <c r="W85" s="179"/>
      <c r="X85" s="179"/>
      <c r="Y85" s="179"/>
      <c r="Z85" s="179"/>
      <c r="AA85" s="179"/>
      <c r="AB85" s="179"/>
      <c r="AC85" s="179"/>
      <c r="AD85" s="179"/>
      <c r="AE85" s="179"/>
      <c r="AF85" s="179"/>
      <c r="AG85" s="179"/>
      <c r="AH85" s="179"/>
      <c r="AI85" s="179"/>
      <c r="AJ85" s="179"/>
      <c r="AK85" s="179"/>
      <c r="AL85" s="179"/>
      <c r="AM85" s="179"/>
      <c r="AN85" s="179"/>
      <c r="AO85" s="179"/>
      <c r="AP85" s="179"/>
      <c r="AQ85" s="179"/>
      <c r="AR85" s="179"/>
      <c r="AS85" s="179"/>
      <c r="AT85" s="179"/>
      <c r="AU85" s="179"/>
      <c r="AV85" s="179"/>
      <c r="AW85" s="179"/>
      <c r="AX85" s="179"/>
      <c r="AY85" s="179"/>
      <c r="AZ85" s="180"/>
      <c r="BA85" s="112"/>
      <c r="BB85" s="113"/>
      <c r="BC85" s="113"/>
      <c r="BD85" s="113"/>
      <c r="BE85" s="113"/>
      <c r="BF85" s="113"/>
      <c r="BG85" s="113"/>
      <c r="BH85" s="113"/>
      <c r="BI85" s="113"/>
      <c r="BJ85" s="113"/>
      <c r="BK85" s="113"/>
      <c r="BL85" s="113"/>
      <c r="BM85" s="96"/>
      <c r="BN85" s="77"/>
      <c r="BO85" s="77"/>
      <c r="BP85" s="77"/>
      <c r="BQ85" s="77"/>
      <c r="BR85" s="77"/>
      <c r="BS85" s="77"/>
      <c r="BT85" s="77"/>
      <c r="BU85" s="77"/>
      <c r="BV85" s="77"/>
      <c r="BW85" s="77"/>
      <c r="BX85" s="77"/>
      <c r="BY85" s="77"/>
      <c r="BZ85" s="77"/>
      <c r="CA85" s="77"/>
      <c r="CB85" s="77"/>
      <c r="CC85" s="77"/>
      <c r="CD85" s="77"/>
      <c r="CE85" s="77"/>
      <c r="CF85" s="77"/>
      <c r="CG85" s="77"/>
      <c r="CH85" s="77"/>
      <c r="CI85" s="77"/>
      <c r="CJ85" s="77"/>
      <c r="CK85" s="77"/>
      <c r="CL85" s="77"/>
      <c r="CM85" s="77"/>
      <c r="CN85" s="77"/>
      <c r="CO85" s="77"/>
      <c r="CP85" s="108"/>
      <c r="CQ85" s="118"/>
      <c r="CR85" s="118"/>
      <c r="CS85" s="118"/>
      <c r="CT85" s="118"/>
      <c r="CU85" s="118"/>
      <c r="CV85" s="118"/>
      <c r="CW85" s="118"/>
      <c r="CX85" s="118"/>
      <c r="CY85" s="119"/>
      <c r="CZ85" s="96"/>
      <c r="DA85" s="77"/>
      <c r="DB85" s="77"/>
      <c r="DC85" s="77"/>
      <c r="DD85" s="77"/>
      <c r="DE85" s="77"/>
      <c r="DF85" s="77"/>
      <c r="DG85" s="77"/>
      <c r="DH85" s="77"/>
      <c r="DI85" s="77"/>
      <c r="DJ85" s="77"/>
      <c r="DK85" s="77"/>
      <c r="DL85" s="77"/>
      <c r="DM85" s="77"/>
      <c r="DN85" s="77"/>
      <c r="DO85" s="77"/>
      <c r="DP85" s="77"/>
      <c r="DQ85" s="77"/>
      <c r="DR85" s="77"/>
      <c r="DS85" s="77"/>
      <c r="DT85" s="77"/>
      <c r="DU85" s="77"/>
      <c r="DV85" s="77"/>
      <c r="DW85" s="77"/>
      <c r="DX85" s="77"/>
      <c r="DY85" s="77"/>
      <c r="DZ85" s="108"/>
      <c r="EA85" s="56"/>
      <c r="EB85" s="56"/>
      <c r="EC85" s="56"/>
      <c r="ED85" s="195"/>
      <c r="EE85" s="195"/>
      <c r="EF85" s="195"/>
      <c r="EG85" s="195"/>
      <c r="EH85" s="195"/>
      <c r="EI85" s="195"/>
      <c r="EJ85" s="125"/>
      <c r="EK85" s="126"/>
      <c r="EL85" s="126"/>
      <c r="EM85" s="126"/>
      <c r="EN85" s="126"/>
      <c r="EO85" s="126"/>
      <c r="EP85" s="126"/>
      <c r="EQ85" s="126"/>
      <c r="ER85" s="126"/>
      <c r="ES85" s="126"/>
      <c r="ET85" s="126"/>
      <c r="EU85" s="126"/>
      <c r="EV85" s="126"/>
      <c r="EW85" s="126"/>
      <c r="EX85" s="126"/>
      <c r="EY85" s="127"/>
      <c r="EZ85" s="121"/>
      <c r="FA85" s="121"/>
      <c r="FB85" s="121"/>
      <c r="FC85" s="121"/>
      <c r="FD85" s="121"/>
      <c r="FE85" s="121"/>
      <c r="FF85" s="121"/>
      <c r="FG85" s="121"/>
      <c r="FH85" s="121"/>
      <c r="FI85" s="121"/>
      <c r="FJ85" s="121"/>
      <c r="FK85" s="121"/>
      <c r="FL85" s="121"/>
      <c r="FM85" s="121"/>
      <c r="FN85" s="121"/>
      <c r="FO85" s="121"/>
      <c r="FP85" s="121"/>
      <c r="FQ85" s="121"/>
      <c r="FR85" s="121"/>
      <c r="FS85" s="121"/>
      <c r="FT85" s="121"/>
      <c r="FU85" s="121"/>
      <c r="FV85" s="121"/>
      <c r="FW85" s="121"/>
      <c r="FX85" s="121"/>
      <c r="FY85" s="121"/>
      <c r="FZ85" s="121"/>
      <c r="GA85" s="120"/>
      <c r="GB85" s="120"/>
      <c r="GC85" s="120"/>
      <c r="GD85" s="120"/>
      <c r="GE85" s="120"/>
      <c r="GF85" s="120"/>
      <c r="GG85" s="120"/>
      <c r="GH85" s="120"/>
      <c r="GI85" s="120"/>
      <c r="GJ85" s="120"/>
      <c r="GK85" s="120"/>
      <c r="GL85" s="120"/>
      <c r="GM85" s="120"/>
      <c r="GN85" s="120"/>
      <c r="GO85" s="121"/>
      <c r="GP85" s="121"/>
      <c r="GQ85" s="121"/>
      <c r="GR85" s="121"/>
      <c r="GS85" s="121"/>
      <c r="GT85" s="121"/>
      <c r="GU85" s="121"/>
      <c r="GV85" s="121"/>
      <c r="GW85" s="121"/>
      <c r="GX85" s="121"/>
      <c r="GY85" s="121"/>
      <c r="GZ85" s="121"/>
      <c r="HA85" s="121"/>
      <c r="HB85" s="121"/>
      <c r="HC85" s="121"/>
      <c r="HD85" s="121"/>
      <c r="HE85" s="121"/>
      <c r="HF85" s="121"/>
      <c r="HG85" s="121"/>
      <c r="HH85" s="121"/>
      <c r="HI85" s="121"/>
      <c r="HJ85" s="121"/>
      <c r="HK85" s="121"/>
      <c r="HL85" s="121"/>
      <c r="HM85" s="121"/>
      <c r="HN85" s="121"/>
      <c r="HO85" s="121"/>
      <c r="HP85" s="121"/>
      <c r="HQ85" s="121"/>
      <c r="HR85" s="56"/>
      <c r="HS85" s="56"/>
      <c r="HT85" s="56"/>
      <c r="HU85" s="56"/>
      <c r="HV85" s="56"/>
      <c r="HW85" s="56"/>
      <c r="HX85" s="56"/>
      <c r="HY85" s="56"/>
      <c r="HZ85" s="56"/>
      <c r="IA85" s="56"/>
      <c r="IB85" s="56"/>
      <c r="IC85" s="56"/>
    </row>
    <row r="86" spans="2:237" ht="6" customHeight="1">
      <c r="B86" s="178"/>
      <c r="C86" s="179"/>
      <c r="D86" s="179"/>
      <c r="E86" s="179"/>
      <c r="F86" s="179"/>
      <c r="G86" s="179"/>
      <c r="H86" s="179"/>
      <c r="I86" s="179"/>
      <c r="J86" s="179"/>
      <c r="K86" s="179"/>
      <c r="L86" s="179"/>
      <c r="M86" s="179"/>
      <c r="N86" s="179"/>
      <c r="O86" s="179"/>
      <c r="P86" s="179"/>
      <c r="Q86" s="179"/>
      <c r="R86" s="179"/>
      <c r="S86" s="179"/>
      <c r="T86" s="179"/>
      <c r="U86" s="179"/>
      <c r="V86" s="179"/>
      <c r="W86" s="179"/>
      <c r="X86" s="179"/>
      <c r="Y86" s="179"/>
      <c r="Z86" s="179"/>
      <c r="AA86" s="179"/>
      <c r="AB86" s="179"/>
      <c r="AC86" s="179"/>
      <c r="AD86" s="179"/>
      <c r="AE86" s="179"/>
      <c r="AF86" s="179"/>
      <c r="AG86" s="179"/>
      <c r="AH86" s="179"/>
      <c r="AI86" s="179"/>
      <c r="AJ86" s="179"/>
      <c r="AK86" s="179"/>
      <c r="AL86" s="179"/>
      <c r="AM86" s="179"/>
      <c r="AN86" s="179"/>
      <c r="AO86" s="179"/>
      <c r="AP86" s="179"/>
      <c r="AQ86" s="179"/>
      <c r="AR86" s="179"/>
      <c r="AS86" s="179"/>
      <c r="AT86" s="179"/>
      <c r="AU86" s="179"/>
      <c r="AV86" s="179"/>
      <c r="AW86" s="179"/>
      <c r="AX86" s="179"/>
      <c r="AY86" s="179"/>
      <c r="AZ86" s="180"/>
      <c r="BA86" s="114"/>
      <c r="BB86" s="115"/>
      <c r="BC86" s="115"/>
      <c r="BD86" s="115"/>
      <c r="BE86" s="115"/>
      <c r="BF86" s="115"/>
      <c r="BG86" s="115"/>
      <c r="BH86" s="115"/>
      <c r="BI86" s="115"/>
      <c r="BJ86" s="115"/>
      <c r="BK86" s="115"/>
      <c r="BL86" s="115"/>
      <c r="BM86" s="97"/>
      <c r="BN86" s="78"/>
      <c r="BO86" s="78"/>
      <c r="BP86" s="78"/>
      <c r="BQ86" s="78"/>
      <c r="BR86" s="78"/>
      <c r="BS86" s="78"/>
      <c r="BT86" s="78"/>
      <c r="BU86" s="78"/>
      <c r="BV86" s="78"/>
      <c r="BW86" s="78"/>
      <c r="BX86" s="78"/>
      <c r="BY86" s="78"/>
      <c r="BZ86" s="78"/>
      <c r="CA86" s="78"/>
      <c r="CB86" s="78"/>
      <c r="CC86" s="78"/>
      <c r="CD86" s="78"/>
      <c r="CE86" s="78"/>
      <c r="CF86" s="78"/>
      <c r="CG86" s="78"/>
      <c r="CH86" s="78"/>
      <c r="CI86" s="78"/>
      <c r="CJ86" s="78"/>
      <c r="CK86" s="78"/>
      <c r="CL86" s="78"/>
      <c r="CM86" s="78"/>
      <c r="CN86" s="78"/>
      <c r="CO86" s="78"/>
      <c r="CP86" s="109"/>
      <c r="CQ86" s="118"/>
      <c r="CR86" s="118"/>
      <c r="CS86" s="118"/>
      <c r="CT86" s="118"/>
      <c r="CU86" s="118"/>
      <c r="CV86" s="118"/>
      <c r="CW86" s="118"/>
      <c r="CX86" s="118"/>
      <c r="CY86" s="119"/>
      <c r="CZ86" s="97"/>
      <c r="DA86" s="78"/>
      <c r="DB86" s="78"/>
      <c r="DC86" s="78"/>
      <c r="DD86" s="78"/>
      <c r="DE86" s="78"/>
      <c r="DF86" s="78"/>
      <c r="DG86" s="78"/>
      <c r="DH86" s="78"/>
      <c r="DI86" s="78"/>
      <c r="DJ86" s="78"/>
      <c r="DK86" s="78"/>
      <c r="DL86" s="78"/>
      <c r="DM86" s="78"/>
      <c r="DN86" s="78"/>
      <c r="DO86" s="78"/>
      <c r="DP86" s="78"/>
      <c r="DQ86" s="78"/>
      <c r="DR86" s="78"/>
      <c r="DS86" s="78"/>
      <c r="DT86" s="78"/>
      <c r="DU86" s="78"/>
      <c r="DV86" s="78"/>
      <c r="DW86" s="78"/>
      <c r="DX86" s="78"/>
      <c r="DY86" s="78"/>
      <c r="DZ86" s="109"/>
      <c r="EA86" s="56"/>
      <c r="EB86" s="56"/>
      <c r="EC86" s="56"/>
      <c r="ED86" s="195"/>
      <c r="EE86" s="195"/>
      <c r="EF86" s="195"/>
      <c r="EG86" s="195"/>
      <c r="EH86" s="195"/>
      <c r="EI86" s="195"/>
      <c r="EJ86" s="125"/>
      <c r="EK86" s="126"/>
      <c r="EL86" s="126"/>
      <c r="EM86" s="126"/>
      <c r="EN86" s="126"/>
      <c r="EO86" s="126"/>
      <c r="EP86" s="126"/>
      <c r="EQ86" s="126"/>
      <c r="ER86" s="126"/>
      <c r="ES86" s="126"/>
      <c r="ET86" s="126"/>
      <c r="EU86" s="126"/>
      <c r="EV86" s="126"/>
      <c r="EW86" s="126"/>
      <c r="EX86" s="126"/>
      <c r="EY86" s="127"/>
      <c r="EZ86" s="121"/>
      <c r="FA86" s="121"/>
      <c r="FB86" s="121"/>
      <c r="FC86" s="121"/>
      <c r="FD86" s="121"/>
      <c r="FE86" s="121"/>
      <c r="FF86" s="121"/>
      <c r="FG86" s="121"/>
      <c r="FH86" s="121"/>
      <c r="FI86" s="121"/>
      <c r="FJ86" s="121"/>
      <c r="FK86" s="121"/>
      <c r="FL86" s="121"/>
      <c r="FM86" s="121"/>
      <c r="FN86" s="121"/>
      <c r="FO86" s="121"/>
      <c r="FP86" s="121"/>
      <c r="FQ86" s="121"/>
      <c r="FR86" s="121"/>
      <c r="FS86" s="121"/>
      <c r="FT86" s="121"/>
      <c r="FU86" s="121"/>
      <c r="FV86" s="121"/>
      <c r="FW86" s="121"/>
      <c r="FX86" s="121"/>
      <c r="FY86" s="121"/>
      <c r="FZ86" s="121"/>
      <c r="GA86" s="120"/>
      <c r="GB86" s="120"/>
      <c r="GC86" s="120"/>
      <c r="GD86" s="120"/>
      <c r="GE86" s="120"/>
      <c r="GF86" s="120"/>
      <c r="GG86" s="120"/>
      <c r="GH86" s="120"/>
      <c r="GI86" s="120"/>
      <c r="GJ86" s="120"/>
      <c r="GK86" s="120"/>
      <c r="GL86" s="120"/>
      <c r="GM86" s="120"/>
      <c r="GN86" s="120"/>
      <c r="GO86" s="121"/>
      <c r="GP86" s="121"/>
      <c r="GQ86" s="121"/>
      <c r="GR86" s="121"/>
      <c r="GS86" s="121"/>
      <c r="GT86" s="121"/>
      <c r="GU86" s="121"/>
      <c r="GV86" s="121"/>
      <c r="GW86" s="121"/>
      <c r="GX86" s="121"/>
      <c r="GY86" s="121"/>
      <c r="GZ86" s="121"/>
      <c r="HA86" s="121"/>
      <c r="HB86" s="121"/>
      <c r="HC86" s="121"/>
      <c r="HD86" s="121"/>
      <c r="HE86" s="121"/>
      <c r="HF86" s="121"/>
      <c r="HG86" s="121"/>
      <c r="HH86" s="121"/>
      <c r="HI86" s="121"/>
      <c r="HJ86" s="121"/>
      <c r="HK86" s="121"/>
      <c r="HL86" s="121"/>
      <c r="HM86" s="121"/>
      <c r="HN86" s="121"/>
      <c r="HO86" s="121"/>
      <c r="HP86" s="121"/>
      <c r="HQ86" s="121"/>
      <c r="HR86" s="56"/>
      <c r="HS86" s="56"/>
      <c r="HT86" s="56"/>
      <c r="HU86" s="56"/>
      <c r="HV86" s="56"/>
      <c r="HW86" s="56"/>
      <c r="HX86" s="56"/>
      <c r="HY86" s="56"/>
      <c r="HZ86" s="56"/>
      <c r="IA86" s="56"/>
      <c r="IB86" s="56"/>
      <c r="IC86" s="56"/>
    </row>
    <row r="87" spans="2:237" ht="6" customHeight="1">
      <c r="B87" s="178"/>
      <c r="C87" s="179"/>
      <c r="D87" s="179"/>
      <c r="E87" s="179"/>
      <c r="F87" s="179"/>
      <c r="G87" s="179"/>
      <c r="H87" s="179"/>
      <c r="I87" s="179"/>
      <c r="J87" s="179"/>
      <c r="K87" s="179"/>
      <c r="L87" s="179"/>
      <c r="M87" s="179"/>
      <c r="N87" s="179"/>
      <c r="O87" s="179"/>
      <c r="P87" s="179"/>
      <c r="Q87" s="179"/>
      <c r="R87" s="179"/>
      <c r="S87" s="179"/>
      <c r="T87" s="179"/>
      <c r="U87" s="179"/>
      <c r="V87" s="179"/>
      <c r="W87" s="179"/>
      <c r="X87" s="179"/>
      <c r="Y87" s="179"/>
      <c r="Z87" s="179"/>
      <c r="AA87" s="179"/>
      <c r="AB87" s="179"/>
      <c r="AC87" s="179"/>
      <c r="AD87" s="179"/>
      <c r="AE87" s="179"/>
      <c r="AF87" s="179"/>
      <c r="AG87" s="179"/>
      <c r="AH87" s="179"/>
      <c r="AI87" s="179"/>
      <c r="AJ87" s="179"/>
      <c r="AK87" s="179"/>
      <c r="AL87" s="179"/>
      <c r="AM87" s="179"/>
      <c r="AN87" s="179"/>
      <c r="AO87" s="179"/>
      <c r="AP87" s="179"/>
      <c r="AQ87" s="179"/>
      <c r="AR87" s="179"/>
      <c r="AS87" s="179"/>
      <c r="AT87" s="179"/>
      <c r="AU87" s="179"/>
      <c r="AV87" s="179"/>
      <c r="AW87" s="179"/>
      <c r="AX87" s="179"/>
      <c r="AY87" s="179"/>
      <c r="AZ87" s="180"/>
      <c r="BA87" s="110" t="s">
        <v>94</v>
      </c>
      <c r="BB87" s="111"/>
      <c r="BC87" s="111"/>
      <c r="BD87" s="111"/>
      <c r="BE87" s="111"/>
      <c r="BF87" s="111"/>
      <c r="BG87" s="111"/>
      <c r="BH87" s="111"/>
      <c r="BI87" s="111"/>
      <c r="BJ87" s="111"/>
      <c r="BK87" s="111"/>
      <c r="BL87" s="111"/>
      <c r="BM87" s="95"/>
      <c r="BN87" s="76"/>
      <c r="BO87" s="76"/>
      <c r="BP87" s="76"/>
      <c r="BQ87" s="76"/>
      <c r="BR87" s="76"/>
      <c r="BS87" s="76"/>
      <c r="BT87" s="76"/>
      <c r="BU87" s="76"/>
      <c r="BV87" s="76"/>
      <c r="BW87" s="76"/>
      <c r="BX87" s="76"/>
      <c r="BY87" s="76"/>
      <c r="BZ87" s="76"/>
      <c r="CA87" s="76"/>
      <c r="CB87" s="76"/>
      <c r="CC87" s="76"/>
      <c r="CD87" s="76"/>
      <c r="CE87" s="76"/>
      <c r="CF87" s="76"/>
      <c r="CG87" s="76"/>
      <c r="CH87" s="76"/>
      <c r="CI87" s="76"/>
      <c r="CJ87" s="76"/>
      <c r="CK87" s="76"/>
      <c r="CL87" s="76"/>
      <c r="CM87" s="76"/>
      <c r="CN87" s="76"/>
      <c r="CO87" s="76"/>
      <c r="CP87" s="107"/>
      <c r="CQ87" s="131" t="s">
        <v>95</v>
      </c>
      <c r="CR87" s="131"/>
      <c r="CS87" s="131"/>
      <c r="CT87" s="131"/>
      <c r="CU87" s="131"/>
      <c r="CV87" s="131"/>
      <c r="CW87" s="131"/>
      <c r="CX87" s="131"/>
      <c r="CY87" s="132"/>
      <c r="CZ87" s="95"/>
      <c r="DA87" s="76"/>
      <c r="DB87" s="76"/>
      <c r="DC87" s="76"/>
      <c r="DD87" s="76"/>
      <c r="DE87" s="76"/>
      <c r="DF87" s="76"/>
      <c r="DG87" s="76"/>
      <c r="DH87" s="76"/>
      <c r="DI87" s="76"/>
      <c r="DJ87" s="76"/>
      <c r="DK87" s="76"/>
      <c r="DL87" s="76"/>
      <c r="DM87" s="76"/>
      <c r="DN87" s="76"/>
      <c r="DO87" s="76"/>
      <c r="DP87" s="76"/>
      <c r="DQ87" s="76"/>
      <c r="DR87" s="76"/>
      <c r="DS87" s="76"/>
      <c r="DT87" s="76"/>
      <c r="DU87" s="76"/>
      <c r="DV87" s="76"/>
      <c r="DW87" s="76"/>
      <c r="DX87" s="76"/>
      <c r="DY87" s="76"/>
      <c r="DZ87" s="107"/>
      <c r="EB87" s="56"/>
      <c r="EC87" s="56"/>
      <c r="ED87" s="195"/>
      <c r="EE87" s="195"/>
      <c r="EF87" s="195"/>
      <c r="EG87" s="195"/>
      <c r="EH87" s="195"/>
      <c r="EI87" s="195"/>
      <c r="EJ87" s="128"/>
      <c r="EK87" s="129"/>
      <c r="EL87" s="129"/>
      <c r="EM87" s="129"/>
      <c r="EN87" s="129"/>
      <c r="EO87" s="129"/>
      <c r="EP87" s="129"/>
      <c r="EQ87" s="129"/>
      <c r="ER87" s="129"/>
      <c r="ES87" s="129"/>
      <c r="ET87" s="129"/>
      <c r="EU87" s="129"/>
      <c r="EV87" s="129"/>
      <c r="EW87" s="129"/>
      <c r="EX87" s="129"/>
      <c r="EY87" s="130"/>
      <c r="EZ87" s="121"/>
      <c r="FA87" s="121"/>
      <c r="FB87" s="121"/>
      <c r="FC87" s="121"/>
      <c r="FD87" s="121"/>
      <c r="FE87" s="121"/>
      <c r="FF87" s="121"/>
      <c r="FG87" s="121"/>
      <c r="FH87" s="121"/>
      <c r="FI87" s="121"/>
      <c r="FJ87" s="121"/>
      <c r="FK87" s="121"/>
      <c r="FL87" s="121"/>
      <c r="FM87" s="121"/>
      <c r="FN87" s="121"/>
      <c r="FO87" s="121"/>
      <c r="FP87" s="121"/>
      <c r="FQ87" s="121"/>
      <c r="FR87" s="121"/>
      <c r="FS87" s="121"/>
      <c r="FT87" s="121"/>
      <c r="FU87" s="121"/>
      <c r="FV87" s="121"/>
      <c r="FW87" s="121"/>
      <c r="FX87" s="121"/>
      <c r="FY87" s="121"/>
      <c r="FZ87" s="121"/>
      <c r="GA87" s="120"/>
      <c r="GB87" s="120"/>
      <c r="GC87" s="120"/>
      <c r="GD87" s="120"/>
      <c r="GE87" s="120"/>
      <c r="GF87" s="120"/>
      <c r="GG87" s="120"/>
      <c r="GH87" s="120"/>
      <c r="GI87" s="120"/>
      <c r="GJ87" s="120"/>
      <c r="GK87" s="120"/>
      <c r="GL87" s="120"/>
      <c r="GM87" s="120"/>
      <c r="GN87" s="120"/>
      <c r="GO87" s="121"/>
      <c r="GP87" s="121"/>
      <c r="GQ87" s="121"/>
      <c r="GR87" s="121"/>
      <c r="GS87" s="121"/>
      <c r="GT87" s="121"/>
      <c r="GU87" s="121"/>
      <c r="GV87" s="121"/>
      <c r="GW87" s="121"/>
      <c r="GX87" s="121"/>
      <c r="GY87" s="121"/>
      <c r="GZ87" s="121"/>
      <c r="HA87" s="121"/>
      <c r="HB87" s="121"/>
      <c r="HC87" s="121"/>
      <c r="HD87" s="121"/>
      <c r="HE87" s="121"/>
      <c r="HF87" s="121"/>
      <c r="HG87" s="121"/>
      <c r="HH87" s="121"/>
      <c r="HI87" s="121"/>
      <c r="HJ87" s="121"/>
      <c r="HK87" s="121"/>
      <c r="HL87" s="121"/>
      <c r="HM87" s="121"/>
      <c r="HN87" s="121"/>
      <c r="HO87" s="121"/>
      <c r="HP87" s="121"/>
      <c r="HQ87" s="121"/>
      <c r="HR87" s="56"/>
      <c r="HS87" s="56"/>
      <c r="HT87" s="56"/>
      <c r="HU87" s="56"/>
      <c r="HV87" s="56"/>
      <c r="HW87" s="56"/>
      <c r="HX87" s="56"/>
      <c r="HY87" s="56"/>
      <c r="HZ87" s="56"/>
      <c r="IA87" s="56"/>
      <c r="IB87" s="56"/>
      <c r="IC87" s="56"/>
    </row>
    <row r="88" spans="2:237" ht="6" customHeight="1">
      <c r="B88" s="181"/>
      <c r="C88" s="182"/>
      <c r="D88" s="182"/>
      <c r="E88" s="182"/>
      <c r="F88" s="182"/>
      <c r="G88" s="182"/>
      <c r="H88" s="182"/>
      <c r="I88" s="182"/>
      <c r="J88" s="182"/>
      <c r="K88" s="182"/>
      <c r="L88" s="182"/>
      <c r="M88" s="182"/>
      <c r="N88" s="182"/>
      <c r="O88" s="182"/>
      <c r="P88" s="182"/>
      <c r="Q88" s="182"/>
      <c r="R88" s="182"/>
      <c r="S88" s="182"/>
      <c r="T88" s="182"/>
      <c r="U88" s="182"/>
      <c r="V88" s="182"/>
      <c r="W88" s="182"/>
      <c r="X88" s="182"/>
      <c r="Y88" s="182"/>
      <c r="Z88" s="182"/>
      <c r="AA88" s="182"/>
      <c r="AB88" s="182"/>
      <c r="AC88" s="182"/>
      <c r="AD88" s="182"/>
      <c r="AE88" s="182"/>
      <c r="AF88" s="182"/>
      <c r="AG88" s="182"/>
      <c r="AH88" s="182"/>
      <c r="AI88" s="182"/>
      <c r="AJ88" s="182"/>
      <c r="AK88" s="182"/>
      <c r="AL88" s="182"/>
      <c r="AM88" s="182"/>
      <c r="AN88" s="182"/>
      <c r="AO88" s="182"/>
      <c r="AP88" s="182"/>
      <c r="AQ88" s="182"/>
      <c r="AR88" s="182"/>
      <c r="AS88" s="182"/>
      <c r="AT88" s="182"/>
      <c r="AU88" s="182"/>
      <c r="AV88" s="182"/>
      <c r="AW88" s="182"/>
      <c r="AX88" s="182"/>
      <c r="AY88" s="182"/>
      <c r="AZ88" s="183"/>
      <c r="BA88" s="112"/>
      <c r="BB88" s="113"/>
      <c r="BC88" s="113"/>
      <c r="BD88" s="113"/>
      <c r="BE88" s="113"/>
      <c r="BF88" s="113"/>
      <c r="BG88" s="113"/>
      <c r="BH88" s="113"/>
      <c r="BI88" s="113"/>
      <c r="BJ88" s="113"/>
      <c r="BK88" s="113"/>
      <c r="BL88" s="113"/>
      <c r="BM88" s="96"/>
      <c r="BN88" s="77"/>
      <c r="BO88" s="77"/>
      <c r="BP88" s="77"/>
      <c r="BQ88" s="77"/>
      <c r="BR88" s="77"/>
      <c r="BS88" s="77"/>
      <c r="BT88" s="77"/>
      <c r="BU88" s="77"/>
      <c r="BV88" s="77"/>
      <c r="BW88" s="77"/>
      <c r="BX88" s="77"/>
      <c r="BY88" s="77"/>
      <c r="BZ88" s="77"/>
      <c r="CA88" s="77"/>
      <c r="CB88" s="77"/>
      <c r="CC88" s="77"/>
      <c r="CD88" s="77"/>
      <c r="CE88" s="77"/>
      <c r="CF88" s="77"/>
      <c r="CG88" s="77"/>
      <c r="CH88" s="77"/>
      <c r="CI88" s="77"/>
      <c r="CJ88" s="77"/>
      <c r="CK88" s="77"/>
      <c r="CL88" s="77"/>
      <c r="CM88" s="77"/>
      <c r="CN88" s="77"/>
      <c r="CO88" s="77"/>
      <c r="CP88" s="108"/>
      <c r="CQ88" s="131"/>
      <c r="CR88" s="131"/>
      <c r="CS88" s="131"/>
      <c r="CT88" s="131"/>
      <c r="CU88" s="131"/>
      <c r="CV88" s="131"/>
      <c r="CW88" s="131"/>
      <c r="CX88" s="131"/>
      <c r="CY88" s="132"/>
      <c r="CZ88" s="96"/>
      <c r="DA88" s="77"/>
      <c r="DB88" s="77"/>
      <c r="DC88" s="77"/>
      <c r="DD88" s="77"/>
      <c r="DE88" s="77"/>
      <c r="DF88" s="77"/>
      <c r="DG88" s="77"/>
      <c r="DH88" s="77"/>
      <c r="DI88" s="77"/>
      <c r="DJ88" s="77"/>
      <c r="DK88" s="77"/>
      <c r="DL88" s="77"/>
      <c r="DM88" s="77"/>
      <c r="DN88" s="77"/>
      <c r="DO88" s="77"/>
      <c r="DP88" s="77"/>
      <c r="DQ88" s="77"/>
      <c r="DR88" s="77"/>
      <c r="DS88" s="77"/>
      <c r="DT88" s="77"/>
      <c r="DU88" s="77"/>
      <c r="DV88" s="77"/>
      <c r="DW88" s="77"/>
      <c r="DX88" s="77"/>
      <c r="DY88" s="77"/>
      <c r="DZ88" s="108"/>
    </row>
    <row r="89" spans="2:237" ht="6" customHeight="1">
      <c r="B89" s="147" t="s">
        <v>91</v>
      </c>
      <c r="C89" s="148"/>
      <c r="D89" s="148"/>
      <c r="E89" s="148"/>
      <c r="F89" s="148"/>
      <c r="G89" s="148"/>
      <c r="H89" s="148"/>
      <c r="I89" s="148"/>
      <c r="J89" s="148"/>
      <c r="K89" s="148"/>
      <c r="L89" s="148"/>
      <c r="M89" s="148"/>
      <c r="N89" s="148"/>
      <c r="O89" s="148"/>
      <c r="P89" s="148"/>
      <c r="Q89" s="148"/>
      <c r="R89" s="148"/>
      <c r="S89" s="148"/>
      <c r="T89" s="148"/>
      <c r="U89" s="148"/>
      <c r="V89" s="148"/>
      <c r="W89" s="148"/>
      <c r="X89" s="148"/>
      <c r="Y89" s="149"/>
      <c r="Z89" s="7"/>
      <c r="AA89" s="7"/>
      <c r="AB89" s="7"/>
      <c r="AC89" s="7"/>
      <c r="AD89" s="7"/>
      <c r="AE89" s="7"/>
      <c r="AF89" s="7"/>
      <c r="AG89" s="7"/>
      <c r="AH89" s="7"/>
      <c r="AI89" s="7"/>
      <c r="AJ89" s="7"/>
      <c r="AK89" s="7"/>
      <c r="AL89" s="7"/>
      <c r="AM89" s="7"/>
      <c r="AN89" s="7"/>
      <c r="AO89" s="7"/>
      <c r="AP89" s="7"/>
      <c r="AQ89" s="7"/>
      <c r="AR89" s="7"/>
      <c r="AS89" s="7"/>
      <c r="AT89" s="7"/>
      <c r="AU89" s="7"/>
      <c r="AV89" s="7"/>
      <c r="AW89" s="7"/>
      <c r="AX89" s="7"/>
      <c r="AY89" s="7"/>
      <c r="AZ89" s="71"/>
      <c r="BA89" s="112"/>
      <c r="BB89" s="113"/>
      <c r="BC89" s="113"/>
      <c r="BD89" s="113"/>
      <c r="BE89" s="113"/>
      <c r="BF89" s="113"/>
      <c r="BG89" s="113"/>
      <c r="BH89" s="113"/>
      <c r="BI89" s="113"/>
      <c r="BJ89" s="113"/>
      <c r="BK89" s="113"/>
      <c r="BL89" s="113"/>
      <c r="BM89" s="96"/>
      <c r="BN89" s="77"/>
      <c r="BO89" s="77"/>
      <c r="BP89" s="77"/>
      <c r="BQ89" s="77"/>
      <c r="BR89" s="77"/>
      <c r="BS89" s="77"/>
      <c r="BT89" s="77"/>
      <c r="BU89" s="77"/>
      <c r="BV89" s="77"/>
      <c r="BW89" s="77"/>
      <c r="BX89" s="77"/>
      <c r="BY89" s="77"/>
      <c r="BZ89" s="77"/>
      <c r="CA89" s="77"/>
      <c r="CB89" s="77"/>
      <c r="CC89" s="77"/>
      <c r="CD89" s="77"/>
      <c r="CE89" s="77"/>
      <c r="CF89" s="77"/>
      <c r="CG89" s="77"/>
      <c r="CH89" s="77"/>
      <c r="CI89" s="77"/>
      <c r="CJ89" s="77"/>
      <c r="CK89" s="77"/>
      <c r="CL89" s="77"/>
      <c r="CM89" s="77"/>
      <c r="CN89" s="77"/>
      <c r="CO89" s="77"/>
      <c r="CP89" s="108"/>
      <c r="CQ89" s="131"/>
      <c r="CR89" s="131"/>
      <c r="CS89" s="131"/>
      <c r="CT89" s="131"/>
      <c r="CU89" s="131"/>
      <c r="CV89" s="131"/>
      <c r="CW89" s="131"/>
      <c r="CX89" s="131"/>
      <c r="CY89" s="132"/>
      <c r="CZ89" s="96"/>
      <c r="DA89" s="77"/>
      <c r="DB89" s="77"/>
      <c r="DC89" s="77"/>
      <c r="DD89" s="77"/>
      <c r="DE89" s="77"/>
      <c r="DF89" s="77"/>
      <c r="DG89" s="77"/>
      <c r="DH89" s="77"/>
      <c r="DI89" s="77"/>
      <c r="DJ89" s="77"/>
      <c r="DK89" s="77"/>
      <c r="DL89" s="77"/>
      <c r="DM89" s="77"/>
      <c r="DN89" s="77"/>
      <c r="DO89" s="77"/>
      <c r="DP89" s="77"/>
      <c r="DQ89" s="77"/>
      <c r="DR89" s="77"/>
      <c r="DS89" s="77"/>
      <c r="DT89" s="77"/>
      <c r="DU89" s="77"/>
      <c r="DV89" s="77"/>
      <c r="DW89" s="77"/>
      <c r="DX89" s="77"/>
      <c r="DY89" s="77"/>
      <c r="DZ89" s="108"/>
      <c r="EE89" s="426" t="s">
        <v>90</v>
      </c>
      <c r="EF89" s="426"/>
      <c r="EG89" s="426"/>
      <c r="EH89" s="426"/>
      <c r="EI89" s="426"/>
      <c r="EJ89" s="426"/>
      <c r="EK89" s="426"/>
      <c r="EL89" s="426"/>
      <c r="EM89" s="426"/>
      <c r="EN89" s="426"/>
      <c r="EO89" s="426"/>
      <c r="EP89" s="426"/>
      <c r="EQ89" s="426"/>
      <c r="ER89" s="426"/>
      <c r="ES89" s="426"/>
      <c r="ET89" s="426"/>
      <c r="EU89" s="426"/>
      <c r="EV89" s="426"/>
      <c r="EW89" s="426"/>
      <c r="EX89" s="426"/>
      <c r="EY89" s="426"/>
      <c r="EZ89" s="426"/>
      <c r="FA89" s="426"/>
      <c r="FB89" s="426"/>
      <c r="FC89" s="426"/>
      <c r="FD89" s="426"/>
      <c r="FE89" s="426"/>
      <c r="FF89" s="426"/>
      <c r="FG89" s="426"/>
      <c r="FH89" s="426"/>
      <c r="FI89" s="426"/>
      <c r="FJ89" s="426"/>
      <c r="FK89" s="426"/>
      <c r="FL89" s="426"/>
      <c r="FM89" s="426"/>
      <c r="FN89" s="426"/>
      <c r="FO89" s="426"/>
      <c r="FP89" s="426"/>
      <c r="FQ89" s="426"/>
      <c r="FR89" s="426"/>
      <c r="FS89" s="426"/>
      <c r="FT89" s="426"/>
      <c r="FU89" s="426"/>
      <c r="FV89" s="426"/>
      <c r="FW89" s="426"/>
      <c r="FX89" s="426"/>
      <c r="FY89" s="426"/>
      <c r="FZ89" s="426"/>
      <c r="GA89" s="426"/>
      <c r="GB89" s="426"/>
      <c r="GC89" s="426"/>
      <c r="GD89" s="426"/>
      <c r="GE89" s="426"/>
      <c r="GF89" s="426"/>
      <c r="GG89" s="426"/>
      <c r="GH89" s="426"/>
      <c r="GI89" s="426"/>
      <c r="GJ89" s="426"/>
      <c r="GK89" s="426"/>
      <c r="GL89" s="426"/>
      <c r="GM89" s="426"/>
      <c r="GN89" s="426"/>
      <c r="GO89" s="426"/>
      <c r="GP89" s="426"/>
      <c r="GQ89" s="426"/>
      <c r="GR89" s="426"/>
      <c r="GS89" s="426"/>
      <c r="GT89" s="426"/>
      <c r="GU89" s="426"/>
      <c r="GV89" s="426"/>
      <c r="GW89" s="426"/>
      <c r="GX89" s="426"/>
      <c r="GY89" s="426"/>
      <c r="GZ89" s="426"/>
      <c r="HA89" s="426"/>
      <c r="HB89" s="426"/>
      <c r="HC89" s="426"/>
      <c r="HD89" s="426"/>
      <c r="HE89" s="426"/>
      <c r="HF89" s="426"/>
      <c r="HG89" s="426"/>
      <c r="HH89" s="426"/>
      <c r="HI89" s="426"/>
      <c r="HJ89" s="426"/>
      <c r="HK89" s="426"/>
      <c r="HL89" s="426"/>
      <c r="HM89" s="426"/>
      <c r="HN89" s="426"/>
      <c r="HO89" s="426"/>
      <c r="HP89" s="426"/>
      <c r="HQ89" s="426"/>
    </row>
    <row r="90" spans="2:237" ht="6" customHeight="1">
      <c r="B90" s="150"/>
      <c r="C90" s="151"/>
      <c r="D90" s="151"/>
      <c r="E90" s="151"/>
      <c r="F90" s="151"/>
      <c r="G90" s="151"/>
      <c r="H90" s="151"/>
      <c r="I90" s="151"/>
      <c r="J90" s="151"/>
      <c r="K90" s="151"/>
      <c r="L90" s="151"/>
      <c r="M90" s="151"/>
      <c r="N90" s="151"/>
      <c r="O90" s="151"/>
      <c r="P90" s="151"/>
      <c r="Q90" s="151"/>
      <c r="R90" s="151"/>
      <c r="S90" s="151"/>
      <c r="T90" s="151"/>
      <c r="U90" s="151"/>
      <c r="V90" s="151"/>
      <c r="W90" s="151"/>
      <c r="X90" s="151"/>
      <c r="Y90" s="152"/>
      <c r="AZ90" s="72"/>
      <c r="BA90" s="114"/>
      <c r="BB90" s="115"/>
      <c r="BC90" s="115"/>
      <c r="BD90" s="115"/>
      <c r="BE90" s="115"/>
      <c r="BF90" s="115"/>
      <c r="BG90" s="115"/>
      <c r="BH90" s="115"/>
      <c r="BI90" s="115"/>
      <c r="BJ90" s="115"/>
      <c r="BK90" s="115"/>
      <c r="BL90" s="115"/>
      <c r="BM90" s="97"/>
      <c r="BN90" s="78"/>
      <c r="BO90" s="78"/>
      <c r="BP90" s="78"/>
      <c r="BQ90" s="78"/>
      <c r="BR90" s="78"/>
      <c r="BS90" s="78"/>
      <c r="BT90" s="78"/>
      <c r="BU90" s="78"/>
      <c r="BV90" s="78"/>
      <c r="BW90" s="78"/>
      <c r="BX90" s="78"/>
      <c r="BY90" s="78"/>
      <c r="BZ90" s="78"/>
      <c r="CA90" s="78"/>
      <c r="CB90" s="78"/>
      <c r="CC90" s="78"/>
      <c r="CD90" s="78"/>
      <c r="CE90" s="78"/>
      <c r="CF90" s="78"/>
      <c r="CG90" s="78"/>
      <c r="CH90" s="78"/>
      <c r="CI90" s="78"/>
      <c r="CJ90" s="78"/>
      <c r="CK90" s="78"/>
      <c r="CL90" s="78"/>
      <c r="CM90" s="78"/>
      <c r="CN90" s="78"/>
      <c r="CO90" s="78"/>
      <c r="CP90" s="109"/>
      <c r="CQ90" s="131"/>
      <c r="CR90" s="131"/>
      <c r="CS90" s="131"/>
      <c r="CT90" s="131"/>
      <c r="CU90" s="131"/>
      <c r="CV90" s="131"/>
      <c r="CW90" s="131"/>
      <c r="CX90" s="131"/>
      <c r="CY90" s="132"/>
      <c r="CZ90" s="97"/>
      <c r="DA90" s="78"/>
      <c r="DB90" s="78"/>
      <c r="DC90" s="78"/>
      <c r="DD90" s="78"/>
      <c r="DE90" s="78"/>
      <c r="DF90" s="78"/>
      <c r="DG90" s="78"/>
      <c r="DH90" s="78"/>
      <c r="DI90" s="78"/>
      <c r="DJ90" s="78"/>
      <c r="DK90" s="78"/>
      <c r="DL90" s="78"/>
      <c r="DM90" s="78"/>
      <c r="DN90" s="78"/>
      <c r="DO90" s="78"/>
      <c r="DP90" s="78"/>
      <c r="DQ90" s="78"/>
      <c r="DR90" s="78"/>
      <c r="DS90" s="78"/>
      <c r="DT90" s="78"/>
      <c r="DU90" s="78"/>
      <c r="DV90" s="78"/>
      <c r="DW90" s="78"/>
      <c r="DX90" s="78"/>
      <c r="DY90" s="78"/>
      <c r="DZ90" s="109"/>
      <c r="EE90" s="426"/>
      <c r="EF90" s="426"/>
      <c r="EG90" s="426"/>
      <c r="EH90" s="426"/>
      <c r="EI90" s="426"/>
      <c r="EJ90" s="426"/>
      <c r="EK90" s="426"/>
      <c r="EL90" s="426"/>
      <c r="EM90" s="426"/>
      <c r="EN90" s="426"/>
      <c r="EO90" s="426"/>
      <c r="EP90" s="426"/>
      <c r="EQ90" s="426"/>
      <c r="ER90" s="426"/>
      <c r="ES90" s="426"/>
      <c r="ET90" s="426"/>
      <c r="EU90" s="426"/>
      <c r="EV90" s="426"/>
      <c r="EW90" s="426"/>
      <c r="EX90" s="426"/>
      <c r="EY90" s="426"/>
      <c r="EZ90" s="426"/>
      <c r="FA90" s="426"/>
      <c r="FB90" s="426"/>
      <c r="FC90" s="426"/>
      <c r="FD90" s="426"/>
      <c r="FE90" s="426"/>
      <c r="FF90" s="426"/>
      <c r="FG90" s="426"/>
      <c r="FH90" s="426"/>
      <c r="FI90" s="426"/>
      <c r="FJ90" s="426"/>
      <c r="FK90" s="426"/>
      <c r="FL90" s="426"/>
      <c r="FM90" s="426"/>
      <c r="FN90" s="426"/>
      <c r="FO90" s="426"/>
      <c r="FP90" s="426"/>
      <c r="FQ90" s="426"/>
      <c r="FR90" s="426"/>
      <c r="FS90" s="426"/>
      <c r="FT90" s="426"/>
      <c r="FU90" s="426"/>
      <c r="FV90" s="426"/>
      <c r="FW90" s="426"/>
      <c r="FX90" s="426"/>
      <c r="FY90" s="426"/>
      <c r="FZ90" s="426"/>
      <c r="GA90" s="426"/>
      <c r="GB90" s="426"/>
      <c r="GC90" s="426"/>
      <c r="GD90" s="426"/>
      <c r="GE90" s="426"/>
      <c r="GF90" s="426"/>
      <c r="GG90" s="426"/>
      <c r="GH90" s="426"/>
      <c r="GI90" s="426"/>
      <c r="GJ90" s="426"/>
      <c r="GK90" s="426"/>
      <c r="GL90" s="426"/>
      <c r="GM90" s="426"/>
      <c r="GN90" s="426"/>
      <c r="GO90" s="426"/>
      <c r="GP90" s="426"/>
      <c r="GQ90" s="426"/>
      <c r="GR90" s="426"/>
      <c r="GS90" s="426"/>
      <c r="GT90" s="426"/>
      <c r="GU90" s="426"/>
      <c r="GV90" s="426"/>
      <c r="GW90" s="426"/>
      <c r="GX90" s="426"/>
      <c r="GY90" s="426"/>
      <c r="GZ90" s="426"/>
      <c r="HA90" s="426"/>
      <c r="HB90" s="426"/>
      <c r="HC90" s="426"/>
      <c r="HD90" s="426"/>
      <c r="HE90" s="426"/>
      <c r="HF90" s="426"/>
      <c r="HG90" s="426"/>
      <c r="HH90" s="426"/>
      <c r="HI90" s="426"/>
      <c r="HJ90" s="426"/>
      <c r="HK90" s="426"/>
      <c r="HL90" s="426"/>
      <c r="HM90" s="426"/>
      <c r="HN90" s="426"/>
      <c r="HO90" s="426"/>
      <c r="HP90" s="426"/>
      <c r="HQ90" s="426"/>
    </row>
    <row r="91" spans="2:237" ht="6" customHeight="1">
      <c r="B91" s="150"/>
      <c r="C91" s="151"/>
      <c r="D91" s="151"/>
      <c r="E91" s="151"/>
      <c r="F91" s="151"/>
      <c r="G91" s="151"/>
      <c r="H91" s="151"/>
      <c r="I91" s="151"/>
      <c r="J91" s="151"/>
      <c r="K91" s="151"/>
      <c r="L91" s="151"/>
      <c r="M91" s="151"/>
      <c r="N91" s="151"/>
      <c r="O91" s="151"/>
      <c r="P91" s="151"/>
      <c r="Q91" s="151"/>
      <c r="R91" s="151"/>
      <c r="S91" s="151"/>
      <c r="T91" s="151"/>
      <c r="U91" s="151"/>
      <c r="V91" s="151"/>
      <c r="W91" s="151"/>
      <c r="X91" s="151"/>
      <c r="Y91" s="152"/>
      <c r="AA91" s="143"/>
      <c r="AB91" s="143"/>
      <c r="AC91" s="143"/>
      <c r="AD91" s="143"/>
      <c r="AF91" s="142" t="s">
        <v>60</v>
      </c>
      <c r="AG91" s="142"/>
      <c r="AH91" s="142"/>
      <c r="AI91" s="142"/>
      <c r="AJ91" s="142"/>
      <c r="AK91" s="142"/>
      <c r="AL91" s="142"/>
      <c r="AM91" s="142"/>
      <c r="AN91" s="142"/>
      <c r="AO91" s="142"/>
      <c r="AP91" s="142"/>
      <c r="AQ91" s="142"/>
      <c r="AR91" s="142"/>
      <c r="AS91" s="142"/>
      <c r="AT91" s="142"/>
      <c r="AU91" s="142"/>
      <c r="AV91" s="142"/>
      <c r="AW91" s="142"/>
      <c r="AX91" s="57"/>
      <c r="AY91" s="57"/>
      <c r="AZ91" s="73"/>
      <c r="BA91" s="110" t="s">
        <v>100</v>
      </c>
      <c r="BB91" s="111"/>
      <c r="BC91" s="111"/>
      <c r="BD91" s="111"/>
      <c r="BE91" s="111"/>
      <c r="BF91" s="111"/>
      <c r="BG91" s="111"/>
      <c r="BH91" s="111"/>
      <c r="BI91" s="111"/>
      <c r="BJ91" s="111"/>
      <c r="BK91" s="111"/>
      <c r="BL91" s="111"/>
      <c r="BM91" s="95"/>
      <c r="BN91" s="76"/>
      <c r="BO91" s="76"/>
      <c r="BP91" s="76"/>
      <c r="BQ91" s="76"/>
      <c r="BR91" s="76"/>
      <c r="BS91" s="76"/>
      <c r="BT91" s="76"/>
      <c r="BU91" s="76"/>
      <c r="BV91" s="76"/>
      <c r="BW91" s="76"/>
      <c r="BX91" s="76"/>
      <c r="BY91" s="76"/>
      <c r="BZ91" s="76"/>
      <c r="CA91" s="76"/>
      <c r="CB91" s="76"/>
      <c r="CC91" s="76"/>
      <c r="CD91" s="76"/>
      <c r="CE91" s="76"/>
      <c r="CF91" s="76"/>
      <c r="CG91" s="76"/>
      <c r="CH91" s="76"/>
      <c r="CI91" s="76"/>
      <c r="CJ91" s="76"/>
      <c r="CK91" s="76"/>
      <c r="CL91" s="76"/>
      <c r="CM91" s="76"/>
      <c r="CN91" s="76"/>
      <c r="CO91" s="76"/>
      <c r="CP91" s="107"/>
      <c r="CQ91" s="110" t="s">
        <v>96</v>
      </c>
      <c r="CR91" s="111"/>
      <c r="CS91" s="111"/>
      <c r="CT91" s="111"/>
      <c r="CU91" s="111"/>
      <c r="CV91" s="111"/>
      <c r="CW91" s="111"/>
      <c r="CX91" s="111"/>
      <c r="CY91" s="111"/>
      <c r="CZ91" s="95"/>
      <c r="DA91" s="76"/>
      <c r="DB91" s="76"/>
      <c r="DC91" s="76"/>
      <c r="DD91" s="76"/>
      <c r="DE91" s="76"/>
      <c r="DF91" s="76"/>
      <c r="DG91" s="76"/>
      <c r="DH91" s="76"/>
      <c r="DI91" s="76"/>
      <c r="DJ91" s="76"/>
      <c r="DK91" s="76"/>
      <c r="DL91" s="76"/>
      <c r="DM91" s="76"/>
      <c r="DN91" s="76"/>
      <c r="DO91" s="76"/>
      <c r="DP91" s="76"/>
      <c r="DQ91" s="76"/>
      <c r="DR91" s="76"/>
      <c r="DS91" s="76"/>
      <c r="DT91" s="76"/>
      <c r="DU91" s="76"/>
      <c r="DV91" s="76"/>
      <c r="DW91" s="76"/>
      <c r="DX91" s="76"/>
      <c r="DY91" s="76"/>
      <c r="DZ91" s="107"/>
      <c r="EE91" s="426"/>
      <c r="EF91" s="426"/>
      <c r="EG91" s="426"/>
      <c r="EH91" s="426"/>
      <c r="EI91" s="426"/>
      <c r="EJ91" s="426"/>
      <c r="EK91" s="426"/>
      <c r="EL91" s="426"/>
      <c r="EM91" s="426"/>
      <c r="EN91" s="426"/>
      <c r="EO91" s="426"/>
      <c r="EP91" s="426"/>
      <c r="EQ91" s="426"/>
      <c r="ER91" s="426"/>
      <c r="ES91" s="426"/>
      <c r="ET91" s="426"/>
      <c r="EU91" s="426"/>
      <c r="EV91" s="426"/>
      <c r="EW91" s="426"/>
      <c r="EX91" s="426"/>
      <c r="EY91" s="426"/>
      <c r="EZ91" s="426"/>
      <c r="FA91" s="426"/>
      <c r="FB91" s="426"/>
      <c r="FC91" s="426"/>
      <c r="FD91" s="426"/>
      <c r="FE91" s="426"/>
      <c r="FF91" s="426"/>
      <c r="FG91" s="426"/>
      <c r="FH91" s="426"/>
      <c r="FI91" s="426"/>
      <c r="FJ91" s="426"/>
      <c r="FK91" s="426"/>
      <c r="FL91" s="426"/>
      <c r="FM91" s="426"/>
      <c r="FN91" s="426"/>
      <c r="FO91" s="426"/>
      <c r="FP91" s="426"/>
      <c r="FQ91" s="426"/>
      <c r="FR91" s="426"/>
      <c r="FS91" s="426"/>
      <c r="FT91" s="426"/>
      <c r="FU91" s="426"/>
      <c r="FV91" s="426"/>
      <c r="FW91" s="426"/>
      <c r="FX91" s="426"/>
      <c r="FY91" s="426"/>
      <c r="FZ91" s="426"/>
      <c r="GA91" s="426"/>
      <c r="GB91" s="426"/>
      <c r="GC91" s="426"/>
      <c r="GD91" s="426"/>
      <c r="GE91" s="426"/>
      <c r="GF91" s="426"/>
      <c r="GG91" s="426"/>
      <c r="GH91" s="426"/>
      <c r="GI91" s="426"/>
      <c r="GJ91" s="426"/>
      <c r="GK91" s="426"/>
      <c r="GL91" s="426"/>
      <c r="GM91" s="426"/>
      <c r="GN91" s="426"/>
      <c r="GO91" s="426"/>
      <c r="GP91" s="426"/>
      <c r="GQ91" s="426"/>
      <c r="GR91" s="426"/>
      <c r="GS91" s="426"/>
      <c r="GT91" s="426"/>
      <c r="GU91" s="426"/>
      <c r="GV91" s="426"/>
      <c r="GW91" s="426"/>
      <c r="GX91" s="426"/>
      <c r="GY91" s="426"/>
      <c r="GZ91" s="426"/>
      <c r="HA91" s="426"/>
      <c r="HB91" s="426"/>
      <c r="HC91" s="426"/>
      <c r="HD91" s="426"/>
      <c r="HE91" s="426"/>
      <c r="HF91" s="426"/>
      <c r="HG91" s="426"/>
      <c r="HH91" s="426"/>
      <c r="HI91" s="426"/>
      <c r="HJ91" s="426"/>
      <c r="HK91" s="426"/>
      <c r="HL91" s="426"/>
      <c r="HM91" s="426"/>
      <c r="HN91" s="426"/>
      <c r="HO91" s="426"/>
      <c r="HP91" s="426"/>
      <c r="HQ91" s="426"/>
    </row>
    <row r="92" spans="2:237" ht="6" customHeight="1">
      <c r="B92" s="150"/>
      <c r="C92" s="151"/>
      <c r="D92" s="151"/>
      <c r="E92" s="151"/>
      <c r="F92" s="151"/>
      <c r="G92" s="151"/>
      <c r="H92" s="151"/>
      <c r="I92" s="151"/>
      <c r="J92" s="151"/>
      <c r="K92" s="151"/>
      <c r="L92" s="151"/>
      <c r="M92" s="151"/>
      <c r="N92" s="151"/>
      <c r="O92" s="151"/>
      <c r="P92" s="151"/>
      <c r="Q92" s="151"/>
      <c r="R92" s="151"/>
      <c r="S92" s="151"/>
      <c r="T92" s="151"/>
      <c r="U92" s="151"/>
      <c r="V92" s="151"/>
      <c r="W92" s="151"/>
      <c r="X92" s="151"/>
      <c r="Y92" s="152"/>
      <c r="AA92" s="143"/>
      <c r="AB92" s="143"/>
      <c r="AC92" s="143"/>
      <c r="AD92" s="143"/>
      <c r="AF92" s="142"/>
      <c r="AG92" s="142"/>
      <c r="AH92" s="142"/>
      <c r="AI92" s="142"/>
      <c r="AJ92" s="142"/>
      <c r="AK92" s="142"/>
      <c r="AL92" s="142"/>
      <c r="AM92" s="142"/>
      <c r="AN92" s="142"/>
      <c r="AO92" s="142"/>
      <c r="AP92" s="142"/>
      <c r="AQ92" s="142"/>
      <c r="AR92" s="142"/>
      <c r="AS92" s="142"/>
      <c r="AT92" s="142"/>
      <c r="AU92" s="142"/>
      <c r="AV92" s="142"/>
      <c r="AW92" s="142"/>
      <c r="AX92" s="57"/>
      <c r="AY92" s="57"/>
      <c r="AZ92" s="73"/>
      <c r="BA92" s="112"/>
      <c r="BB92" s="113"/>
      <c r="BC92" s="113"/>
      <c r="BD92" s="113"/>
      <c r="BE92" s="113"/>
      <c r="BF92" s="113"/>
      <c r="BG92" s="113"/>
      <c r="BH92" s="113"/>
      <c r="BI92" s="113"/>
      <c r="BJ92" s="113"/>
      <c r="BK92" s="113"/>
      <c r="BL92" s="113"/>
      <c r="BM92" s="96"/>
      <c r="BN92" s="77"/>
      <c r="BO92" s="77"/>
      <c r="BP92" s="77"/>
      <c r="BQ92" s="77"/>
      <c r="BR92" s="77"/>
      <c r="BS92" s="77"/>
      <c r="BT92" s="77"/>
      <c r="BU92" s="77"/>
      <c r="BV92" s="77"/>
      <c r="BW92" s="77"/>
      <c r="BX92" s="77"/>
      <c r="BY92" s="77"/>
      <c r="BZ92" s="77"/>
      <c r="CA92" s="77"/>
      <c r="CB92" s="77"/>
      <c r="CC92" s="77"/>
      <c r="CD92" s="77"/>
      <c r="CE92" s="77"/>
      <c r="CF92" s="77"/>
      <c r="CG92" s="77"/>
      <c r="CH92" s="77"/>
      <c r="CI92" s="77"/>
      <c r="CJ92" s="77"/>
      <c r="CK92" s="77"/>
      <c r="CL92" s="77"/>
      <c r="CM92" s="77"/>
      <c r="CN92" s="77"/>
      <c r="CO92" s="77"/>
      <c r="CP92" s="108"/>
      <c r="CQ92" s="112"/>
      <c r="CR92" s="113"/>
      <c r="CS92" s="113"/>
      <c r="CT92" s="113"/>
      <c r="CU92" s="113"/>
      <c r="CV92" s="113"/>
      <c r="CW92" s="113"/>
      <c r="CX92" s="113"/>
      <c r="CY92" s="113"/>
      <c r="CZ92" s="96"/>
      <c r="DA92" s="77"/>
      <c r="DB92" s="77"/>
      <c r="DC92" s="77"/>
      <c r="DD92" s="77"/>
      <c r="DE92" s="77"/>
      <c r="DF92" s="77"/>
      <c r="DG92" s="77"/>
      <c r="DH92" s="77"/>
      <c r="DI92" s="77"/>
      <c r="DJ92" s="77"/>
      <c r="DK92" s="77"/>
      <c r="DL92" s="77"/>
      <c r="DM92" s="77"/>
      <c r="DN92" s="77"/>
      <c r="DO92" s="77"/>
      <c r="DP92" s="77"/>
      <c r="DQ92" s="77"/>
      <c r="DR92" s="77"/>
      <c r="DS92" s="77"/>
      <c r="DT92" s="77"/>
      <c r="DU92" s="77"/>
      <c r="DV92" s="77"/>
      <c r="DW92" s="77"/>
      <c r="DX92" s="77"/>
      <c r="DY92" s="77"/>
      <c r="DZ92" s="108"/>
      <c r="EE92" s="426"/>
      <c r="EF92" s="426"/>
      <c r="EG92" s="426"/>
      <c r="EH92" s="426"/>
      <c r="EI92" s="426"/>
      <c r="EJ92" s="426"/>
      <c r="EK92" s="426"/>
      <c r="EL92" s="426"/>
      <c r="EM92" s="426"/>
      <c r="EN92" s="426"/>
      <c r="EO92" s="426"/>
      <c r="EP92" s="426"/>
      <c r="EQ92" s="426"/>
      <c r="ER92" s="426"/>
      <c r="ES92" s="426"/>
      <c r="ET92" s="426"/>
      <c r="EU92" s="426"/>
      <c r="EV92" s="426"/>
      <c r="EW92" s="426"/>
      <c r="EX92" s="426"/>
      <c r="EY92" s="426"/>
      <c r="EZ92" s="426"/>
      <c r="FA92" s="426"/>
      <c r="FB92" s="426"/>
      <c r="FC92" s="426"/>
      <c r="FD92" s="426"/>
      <c r="FE92" s="426"/>
      <c r="FF92" s="426"/>
      <c r="FG92" s="426"/>
      <c r="FH92" s="426"/>
      <c r="FI92" s="426"/>
      <c r="FJ92" s="426"/>
      <c r="FK92" s="426"/>
      <c r="FL92" s="426"/>
      <c r="FM92" s="426"/>
      <c r="FN92" s="426"/>
      <c r="FO92" s="426"/>
      <c r="FP92" s="426"/>
      <c r="FQ92" s="426"/>
      <c r="FR92" s="426"/>
      <c r="FS92" s="426"/>
      <c r="FT92" s="426"/>
      <c r="FU92" s="426"/>
      <c r="FV92" s="426"/>
      <c r="FW92" s="426"/>
      <c r="FX92" s="426"/>
      <c r="FY92" s="426"/>
      <c r="FZ92" s="426"/>
      <c r="GA92" s="426"/>
      <c r="GB92" s="426"/>
      <c r="GC92" s="426"/>
      <c r="GD92" s="426"/>
      <c r="GE92" s="426"/>
      <c r="GF92" s="426"/>
      <c r="GG92" s="426"/>
      <c r="GH92" s="426"/>
      <c r="GI92" s="426"/>
      <c r="GJ92" s="426"/>
      <c r="GK92" s="426"/>
      <c r="GL92" s="426"/>
      <c r="GM92" s="426"/>
      <c r="GN92" s="426"/>
      <c r="GO92" s="426"/>
      <c r="GP92" s="426"/>
      <c r="GQ92" s="426"/>
      <c r="GR92" s="426"/>
      <c r="GS92" s="426"/>
      <c r="GT92" s="426"/>
      <c r="GU92" s="426"/>
      <c r="GV92" s="426"/>
      <c r="GW92" s="426"/>
      <c r="GX92" s="426"/>
      <c r="GY92" s="426"/>
      <c r="GZ92" s="426"/>
      <c r="HA92" s="426"/>
      <c r="HB92" s="426"/>
      <c r="HC92" s="426"/>
      <c r="HD92" s="426"/>
      <c r="HE92" s="426"/>
      <c r="HF92" s="426"/>
      <c r="HG92" s="426"/>
      <c r="HH92" s="426"/>
      <c r="HI92" s="426"/>
      <c r="HJ92" s="426"/>
      <c r="HK92" s="426"/>
      <c r="HL92" s="426"/>
      <c r="HM92" s="426"/>
      <c r="HN92" s="426"/>
      <c r="HO92" s="426"/>
      <c r="HP92" s="426"/>
      <c r="HQ92" s="426"/>
    </row>
    <row r="93" spans="2:237" ht="6" customHeight="1">
      <c r="B93" s="150"/>
      <c r="C93" s="151"/>
      <c r="D93" s="151"/>
      <c r="E93" s="151"/>
      <c r="F93" s="151"/>
      <c r="G93" s="151"/>
      <c r="H93" s="151"/>
      <c r="I93" s="151"/>
      <c r="J93" s="151"/>
      <c r="K93" s="151"/>
      <c r="L93" s="151"/>
      <c r="M93" s="151"/>
      <c r="N93" s="151"/>
      <c r="O93" s="151"/>
      <c r="P93" s="151"/>
      <c r="Q93" s="151"/>
      <c r="R93" s="151"/>
      <c r="S93" s="151"/>
      <c r="T93" s="151"/>
      <c r="U93" s="151"/>
      <c r="V93" s="151"/>
      <c r="W93" s="151"/>
      <c r="X93" s="151"/>
      <c r="Y93" s="152"/>
      <c r="AZ93" s="72"/>
      <c r="BA93" s="112"/>
      <c r="BB93" s="113"/>
      <c r="BC93" s="113"/>
      <c r="BD93" s="113"/>
      <c r="BE93" s="113"/>
      <c r="BF93" s="113"/>
      <c r="BG93" s="113"/>
      <c r="BH93" s="113"/>
      <c r="BI93" s="113"/>
      <c r="BJ93" s="113"/>
      <c r="BK93" s="113"/>
      <c r="BL93" s="113"/>
      <c r="BM93" s="96"/>
      <c r="BN93" s="77"/>
      <c r="BO93" s="77"/>
      <c r="BP93" s="77"/>
      <c r="BQ93" s="77"/>
      <c r="BR93" s="77"/>
      <c r="BS93" s="77"/>
      <c r="BT93" s="77"/>
      <c r="BU93" s="77"/>
      <c r="BV93" s="77"/>
      <c r="BW93" s="77"/>
      <c r="BX93" s="77"/>
      <c r="BY93" s="77"/>
      <c r="BZ93" s="77"/>
      <c r="CA93" s="77"/>
      <c r="CB93" s="77"/>
      <c r="CC93" s="77"/>
      <c r="CD93" s="77"/>
      <c r="CE93" s="77"/>
      <c r="CF93" s="77"/>
      <c r="CG93" s="77"/>
      <c r="CH93" s="77"/>
      <c r="CI93" s="77"/>
      <c r="CJ93" s="77"/>
      <c r="CK93" s="77"/>
      <c r="CL93" s="77"/>
      <c r="CM93" s="77"/>
      <c r="CN93" s="77"/>
      <c r="CO93" s="77"/>
      <c r="CP93" s="108"/>
      <c r="CQ93" s="112"/>
      <c r="CR93" s="113"/>
      <c r="CS93" s="113"/>
      <c r="CT93" s="113"/>
      <c r="CU93" s="113"/>
      <c r="CV93" s="113"/>
      <c r="CW93" s="113"/>
      <c r="CX93" s="113"/>
      <c r="CY93" s="113"/>
      <c r="CZ93" s="96"/>
      <c r="DA93" s="77"/>
      <c r="DB93" s="77"/>
      <c r="DC93" s="77"/>
      <c r="DD93" s="77"/>
      <c r="DE93" s="77"/>
      <c r="DF93" s="77"/>
      <c r="DG93" s="77"/>
      <c r="DH93" s="77"/>
      <c r="DI93" s="77"/>
      <c r="DJ93" s="77"/>
      <c r="DK93" s="77"/>
      <c r="DL93" s="77"/>
      <c r="DM93" s="77"/>
      <c r="DN93" s="77"/>
      <c r="DO93" s="77"/>
      <c r="DP93" s="77"/>
      <c r="DQ93" s="77"/>
      <c r="DR93" s="77"/>
      <c r="DS93" s="77"/>
      <c r="DT93" s="77"/>
      <c r="DU93" s="77"/>
      <c r="DV93" s="77"/>
      <c r="DW93" s="77"/>
      <c r="DX93" s="77"/>
      <c r="DY93" s="77"/>
      <c r="DZ93" s="108"/>
      <c r="EE93" s="426"/>
      <c r="EF93" s="426"/>
      <c r="EG93" s="426"/>
      <c r="EH93" s="426"/>
      <c r="EI93" s="426"/>
      <c r="EJ93" s="426"/>
      <c r="EK93" s="426"/>
      <c r="EL93" s="426"/>
      <c r="EM93" s="426"/>
      <c r="EN93" s="426"/>
      <c r="EO93" s="426"/>
      <c r="EP93" s="426"/>
      <c r="EQ93" s="426"/>
      <c r="ER93" s="426"/>
      <c r="ES93" s="426"/>
      <c r="ET93" s="426"/>
      <c r="EU93" s="426"/>
      <c r="EV93" s="426"/>
      <c r="EW93" s="426"/>
      <c r="EX93" s="426"/>
      <c r="EY93" s="426"/>
      <c r="EZ93" s="426"/>
      <c r="FA93" s="426"/>
      <c r="FB93" s="426"/>
      <c r="FC93" s="426"/>
      <c r="FD93" s="426"/>
      <c r="FE93" s="426"/>
      <c r="FF93" s="426"/>
      <c r="FG93" s="426"/>
      <c r="FH93" s="426"/>
      <c r="FI93" s="426"/>
      <c r="FJ93" s="426"/>
      <c r="FK93" s="426"/>
      <c r="FL93" s="426"/>
      <c r="FM93" s="426"/>
      <c r="FN93" s="426"/>
      <c r="FO93" s="426"/>
      <c r="FP93" s="426"/>
      <c r="FQ93" s="426"/>
      <c r="FR93" s="426"/>
      <c r="FS93" s="426"/>
      <c r="FT93" s="426"/>
      <c r="FU93" s="426"/>
      <c r="FV93" s="426"/>
      <c r="FW93" s="426"/>
      <c r="FX93" s="426"/>
      <c r="FY93" s="426"/>
      <c r="FZ93" s="426"/>
      <c r="GA93" s="426"/>
      <c r="GB93" s="426"/>
      <c r="GC93" s="426"/>
      <c r="GD93" s="426"/>
      <c r="GE93" s="426"/>
      <c r="GF93" s="426"/>
      <c r="GG93" s="426"/>
      <c r="GH93" s="426"/>
      <c r="GI93" s="426"/>
      <c r="GJ93" s="426"/>
      <c r="GK93" s="426"/>
      <c r="GL93" s="426"/>
      <c r="GM93" s="426"/>
      <c r="GN93" s="426"/>
      <c r="GO93" s="426"/>
      <c r="GP93" s="426"/>
      <c r="GQ93" s="426"/>
      <c r="GR93" s="426"/>
      <c r="GS93" s="426"/>
      <c r="GT93" s="426"/>
      <c r="GU93" s="426"/>
      <c r="GV93" s="426"/>
      <c r="GW93" s="426"/>
      <c r="GX93" s="426"/>
      <c r="GY93" s="426"/>
      <c r="GZ93" s="426"/>
      <c r="HA93" s="426"/>
      <c r="HB93" s="426"/>
      <c r="HC93" s="426"/>
      <c r="HD93" s="426"/>
      <c r="HE93" s="426"/>
      <c r="HF93" s="426"/>
      <c r="HG93" s="426"/>
      <c r="HH93" s="426"/>
      <c r="HI93" s="426"/>
      <c r="HJ93" s="426"/>
      <c r="HK93" s="426"/>
      <c r="HL93" s="426"/>
      <c r="HM93" s="426"/>
      <c r="HN93" s="426"/>
      <c r="HO93" s="426"/>
      <c r="HP93" s="426"/>
      <c r="HQ93" s="426"/>
    </row>
    <row r="94" spans="2:237" ht="6" customHeight="1">
      <c r="B94" s="150"/>
      <c r="C94" s="151"/>
      <c r="D94" s="151"/>
      <c r="E94" s="151"/>
      <c r="F94" s="151"/>
      <c r="G94" s="151"/>
      <c r="H94" s="151"/>
      <c r="I94" s="151"/>
      <c r="J94" s="151"/>
      <c r="K94" s="151"/>
      <c r="L94" s="151"/>
      <c r="M94" s="151"/>
      <c r="N94" s="151"/>
      <c r="O94" s="151"/>
      <c r="P94" s="151"/>
      <c r="Q94" s="151"/>
      <c r="R94" s="151"/>
      <c r="S94" s="151"/>
      <c r="T94" s="151"/>
      <c r="U94" s="151"/>
      <c r="V94" s="151"/>
      <c r="W94" s="151"/>
      <c r="X94" s="151"/>
      <c r="Y94" s="152"/>
      <c r="AZ94" s="72"/>
      <c r="BA94" s="114"/>
      <c r="BB94" s="115"/>
      <c r="BC94" s="115"/>
      <c r="BD94" s="115"/>
      <c r="BE94" s="115"/>
      <c r="BF94" s="115"/>
      <c r="BG94" s="115"/>
      <c r="BH94" s="115"/>
      <c r="BI94" s="115"/>
      <c r="BJ94" s="115"/>
      <c r="BK94" s="115"/>
      <c r="BL94" s="115"/>
      <c r="BM94" s="97"/>
      <c r="BN94" s="78"/>
      <c r="BO94" s="78"/>
      <c r="BP94" s="78"/>
      <c r="BQ94" s="78"/>
      <c r="BR94" s="78"/>
      <c r="BS94" s="78"/>
      <c r="BT94" s="78"/>
      <c r="BU94" s="78"/>
      <c r="BV94" s="78"/>
      <c r="BW94" s="78"/>
      <c r="BX94" s="78"/>
      <c r="BY94" s="78"/>
      <c r="BZ94" s="78"/>
      <c r="CA94" s="78"/>
      <c r="CB94" s="78"/>
      <c r="CC94" s="78"/>
      <c r="CD94" s="78"/>
      <c r="CE94" s="78"/>
      <c r="CF94" s="78"/>
      <c r="CG94" s="78"/>
      <c r="CH94" s="78"/>
      <c r="CI94" s="78"/>
      <c r="CJ94" s="78"/>
      <c r="CK94" s="78"/>
      <c r="CL94" s="78"/>
      <c r="CM94" s="78"/>
      <c r="CN94" s="78"/>
      <c r="CO94" s="78"/>
      <c r="CP94" s="109"/>
      <c r="CQ94" s="114"/>
      <c r="CR94" s="115"/>
      <c r="CS94" s="115"/>
      <c r="CT94" s="115"/>
      <c r="CU94" s="115"/>
      <c r="CV94" s="115"/>
      <c r="CW94" s="115"/>
      <c r="CX94" s="115"/>
      <c r="CY94" s="115"/>
      <c r="CZ94" s="97"/>
      <c r="DA94" s="78"/>
      <c r="DB94" s="78"/>
      <c r="DC94" s="78"/>
      <c r="DD94" s="78"/>
      <c r="DE94" s="78"/>
      <c r="DF94" s="78"/>
      <c r="DG94" s="78"/>
      <c r="DH94" s="78"/>
      <c r="DI94" s="78"/>
      <c r="DJ94" s="78"/>
      <c r="DK94" s="78"/>
      <c r="DL94" s="78"/>
      <c r="DM94" s="78"/>
      <c r="DN94" s="78"/>
      <c r="DO94" s="78"/>
      <c r="DP94" s="78"/>
      <c r="DQ94" s="78"/>
      <c r="DR94" s="78"/>
      <c r="DS94" s="78"/>
      <c r="DT94" s="78"/>
      <c r="DU94" s="78"/>
      <c r="DV94" s="78"/>
      <c r="DW94" s="78"/>
      <c r="DX94" s="78"/>
      <c r="DY94" s="78"/>
      <c r="DZ94" s="109"/>
      <c r="EE94" s="426"/>
      <c r="EF94" s="426"/>
      <c r="EG94" s="426"/>
      <c r="EH94" s="426"/>
      <c r="EI94" s="426"/>
      <c r="EJ94" s="426"/>
      <c r="EK94" s="426"/>
      <c r="EL94" s="426"/>
      <c r="EM94" s="426"/>
      <c r="EN94" s="426"/>
      <c r="EO94" s="426"/>
      <c r="EP94" s="426"/>
      <c r="EQ94" s="426"/>
      <c r="ER94" s="426"/>
      <c r="ES94" s="426"/>
      <c r="ET94" s="426"/>
      <c r="EU94" s="426"/>
      <c r="EV94" s="426"/>
      <c r="EW94" s="426"/>
      <c r="EX94" s="426"/>
      <c r="EY94" s="426"/>
      <c r="EZ94" s="426"/>
      <c r="FA94" s="426"/>
      <c r="FB94" s="426"/>
      <c r="FC94" s="426"/>
      <c r="FD94" s="426"/>
      <c r="FE94" s="426"/>
      <c r="FF94" s="426"/>
      <c r="FG94" s="426"/>
      <c r="FH94" s="426"/>
      <c r="FI94" s="426"/>
      <c r="FJ94" s="426"/>
      <c r="FK94" s="426"/>
      <c r="FL94" s="426"/>
      <c r="FM94" s="426"/>
      <c r="FN94" s="426"/>
      <c r="FO94" s="426"/>
      <c r="FP94" s="426"/>
      <c r="FQ94" s="426"/>
      <c r="FR94" s="426"/>
      <c r="FS94" s="426"/>
      <c r="FT94" s="426"/>
      <c r="FU94" s="426"/>
      <c r="FV94" s="426"/>
      <c r="FW94" s="426"/>
      <c r="FX94" s="426"/>
      <c r="FY94" s="426"/>
      <c r="FZ94" s="426"/>
      <c r="GA94" s="426"/>
      <c r="GB94" s="426"/>
      <c r="GC94" s="426"/>
      <c r="GD94" s="426"/>
      <c r="GE94" s="426"/>
      <c r="GF94" s="426"/>
      <c r="GG94" s="426"/>
      <c r="GH94" s="426"/>
      <c r="GI94" s="426"/>
      <c r="GJ94" s="426"/>
      <c r="GK94" s="426"/>
      <c r="GL94" s="426"/>
      <c r="GM94" s="426"/>
      <c r="GN94" s="426"/>
      <c r="GO94" s="426"/>
      <c r="GP94" s="426"/>
      <c r="GQ94" s="426"/>
      <c r="GR94" s="426"/>
      <c r="GS94" s="426"/>
      <c r="GT94" s="426"/>
      <c r="GU94" s="426"/>
      <c r="GV94" s="426"/>
      <c r="GW94" s="426"/>
      <c r="GX94" s="426"/>
      <c r="GY94" s="426"/>
      <c r="GZ94" s="426"/>
      <c r="HA94" s="426"/>
      <c r="HB94" s="426"/>
      <c r="HC94" s="426"/>
      <c r="HD94" s="426"/>
      <c r="HE94" s="426"/>
      <c r="HF94" s="426"/>
      <c r="HG94" s="426"/>
      <c r="HH94" s="426"/>
      <c r="HI94" s="426"/>
      <c r="HJ94" s="426"/>
      <c r="HK94" s="426"/>
      <c r="HL94" s="426"/>
      <c r="HM94" s="426"/>
      <c r="HN94" s="426"/>
      <c r="HO94" s="426"/>
      <c r="HP94" s="426"/>
      <c r="HQ94" s="426"/>
    </row>
    <row r="95" spans="2:237" ht="6" customHeight="1">
      <c r="B95" s="150"/>
      <c r="C95" s="151"/>
      <c r="D95" s="151"/>
      <c r="E95" s="151"/>
      <c r="F95" s="151"/>
      <c r="G95" s="151"/>
      <c r="H95" s="151"/>
      <c r="I95" s="151"/>
      <c r="J95" s="151"/>
      <c r="K95" s="151"/>
      <c r="L95" s="151"/>
      <c r="M95" s="151"/>
      <c r="N95" s="151"/>
      <c r="O95" s="151"/>
      <c r="P95" s="151"/>
      <c r="Q95" s="151"/>
      <c r="R95" s="151"/>
      <c r="S95" s="151"/>
      <c r="T95" s="151"/>
      <c r="U95" s="151"/>
      <c r="V95" s="151"/>
      <c r="W95" s="151"/>
      <c r="X95" s="151"/>
      <c r="Y95" s="152"/>
      <c r="Z95" s="58"/>
      <c r="AA95" s="58"/>
      <c r="AZ95" s="72"/>
      <c r="BA95" s="110" t="s">
        <v>101</v>
      </c>
      <c r="BB95" s="111"/>
      <c r="BC95" s="111"/>
      <c r="BD95" s="111"/>
      <c r="BE95" s="111"/>
      <c r="BF95" s="111"/>
      <c r="BG95" s="111"/>
      <c r="BH95" s="111"/>
      <c r="BI95" s="111"/>
      <c r="BJ95" s="111"/>
      <c r="BK95" s="111"/>
      <c r="BL95" s="111"/>
      <c r="BM95" s="95"/>
      <c r="BN95" s="76"/>
      <c r="BO95" s="76"/>
      <c r="BP95" s="76"/>
      <c r="BQ95" s="76"/>
      <c r="BR95" s="76"/>
      <c r="BS95" s="76"/>
      <c r="BT95" s="76"/>
      <c r="BU95" s="76"/>
      <c r="BV95" s="76"/>
      <c r="BW95" s="76"/>
      <c r="BX95" s="76"/>
      <c r="BY95" s="76"/>
      <c r="BZ95" s="76"/>
      <c r="CA95" s="76"/>
      <c r="CB95" s="76"/>
      <c r="CC95" s="76"/>
      <c r="CD95" s="76"/>
      <c r="CE95" s="76"/>
      <c r="CF95" s="76"/>
      <c r="CG95" s="76"/>
      <c r="CH95" s="76"/>
      <c r="CI95" s="76"/>
      <c r="CJ95" s="76"/>
      <c r="CK95" s="76"/>
      <c r="CL95" s="76"/>
      <c r="CM95" s="76"/>
      <c r="CN95" s="76"/>
      <c r="CO95" s="76"/>
      <c r="CP95" s="107"/>
      <c r="CQ95" s="110" t="s">
        <v>102</v>
      </c>
      <c r="CR95" s="111"/>
      <c r="CS95" s="111"/>
      <c r="CT95" s="111"/>
      <c r="CU95" s="111"/>
      <c r="CV95" s="111"/>
      <c r="CW95" s="111"/>
      <c r="CX95" s="111"/>
      <c r="CY95" s="111"/>
      <c r="CZ95" s="95"/>
      <c r="DA95" s="76"/>
      <c r="DB95" s="76"/>
      <c r="DC95" s="76"/>
      <c r="DD95" s="76"/>
      <c r="DE95" s="76"/>
      <c r="DF95" s="76"/>
      <c r="DG95" s="76"/>
      <c r="DH95" s="76"/>
      <c r="DI95" s="76"/>
      <c r="DJ95" s="76"/>
      <c r="DK95" s="76"/>
      <c r="DL95" s="76"/>
      <c r="DM95" s="76"/>
      <c r="DN95" s="76"/>
      <c r="DO95" s="76"/>
      <c r="DP95" s="76"/>
      <c r="DQ95" s="76"/>
      <c r="DR95" s="76"/>
      <c r="DS95" s="76"/>
      <c r="DT95" s="76"/>
      <c r="DU95" s="76"/>
      <c r="DV95" s="76"/>
      <c r="DW95" s="76"/>
      <c r="DX95" s="76"/>
      <c r="DY95" s="76"/>
      <c r="DZ95" s="107"/>
      <c r="EE95" s="426"/>
      <c r="EF95" s="426"/>
      <c r="EG95" s="426"/>
      <c r="EH95" s="426"/>
      <c r="EI95" s="426"/>
      <c r="EJ95" s="426"/>
      <c r="EK95" s="426"/>
      <c r="EL95" s="426"/>
      <c r="EM95" s="426"/>
      <c r="EN95" s="426"/>
      <c r="EO95" s="426"/>
      <c r="EP95" s="426"/>
      <c r="EQ95" s="426"/>
      <c r="ER95" s="426"/>
      <c r="ES95" s="426"/>
      <c r="ET95" s="426"/>
      <c r="EU95" s="426"/>
      <c r="EV95" s="426"/>
      <c r="EW95" s="426"/>
      <c r="EX95" s="426"/>
      <c r="EY95" s="426"/>
      <c r="EZ95" s="426"/>
      <c r="FA95" s="426"/>
      <c r="FB95" s="426"/>
      <c r="FC95" s="426"/>
      <c r="FD95" s="426"/>
      <c r="FE95" s="426"/>
      <c r="FF95" s="426"/>
      <c r="FG95" s="426"/>
      <c r="FH95" s="426"/>
      <c r="FI95" s="426"/>
      <c r="FJ95" s="426"/>
      <c r="FK95" s="426"/>
      <c r="FL95" s="426"/>
      <c r="FM95" s="426"/>
      <c r="FN95" s="426"/>
      <c r="FO95" s="426"/>
      <c r="FP95" s="426"/>
      <c r="FQ95" s="426"/>
      <c r="FR95" s="426"/>
      <c r="FS95" s="426"/>
      <c r="FT95" s="426"/>
      <c r="FU95" s="426"/>
      <c r="FV95" s="426"/>
      <c r="FW95" s="426"/>
      <c r="FX95" s="426"/>
      <c r="FY95" s="426"/>
      <c r="FZ95" s="426"/>
      <c r="GA95" s="426"/>
      <c r="GB95" s="426"/>
      <c r="GC95" s="426"/>
      <c r="GD95" s="426"/>
      <c r="GE95" s="426"/>
      <c r="GF95" s="426"/>
      <c r="GG95" s="426"/>
      <c r="GH95" s="426"/>
      <c r="GI95" s="426"/>
      <c r="GJ95" s="426"/>
      <c r="GK95" s="426"/>
      <c r="GL95" s="426"/>
      <c r="GM95" s="426"/>
      <c r="GN95" s="426"/>
      <c r="GO95" s="426"/>
      <c r="GP95" s="426"/>
      <c r="GQ95" s="426"/>
      <c r="GR95" s="426"/>
      <c r="GS95" s="426"/>
      <c r="GT95" s="426"/>
      <c r="GU95" s="426"/>
      <c r="GV95" s="426"/>
      <c r="GW95" s="426"/>
      <c r="GX95" s="426"/>
      <c r="GY95" s="426"/>
      <c r="GZ95" s="426"/>
      <c r="HA95" s="426"/>
      <c r="HB95" s="426"/>
      <c r="HC95" s="426"/>
      <c r="HD95" s="426"/>
      <c r="HE95" s="426"/>
      <c r="HF95" s="426"/>
      <c r="HG95" s="426"/>
      <c r="HH95" s="426"/>
      <c r="HI95" s="426"/>
      <c r="HJ95" s="426"/>
      <c r="HK95" s="426"/>
      <c r="HL95" s="426"/>
      <c r="HM95" s="426"/>
      <c r="HN95" s="426"/>
      <c r="HO95" s="426"/>
      <c r="HP95" s="426"/>
      <c r="HQ95" s="426"/>
    </row>
    <row r="96" spans="2:237" ht="6" customHeight="1">
      <c r="B96" s="150"/>
      <c r="C96" s="151"/>
      <c r="D96" s="151"/>
      <c r="E96" s="151"/>
      <c r="F96" s="151"/>
      <c r="G96" s="151"/>
      <c r="H96" s="151"/>
      <c r="I96" s="151"/>
      <c r="J96" s="151"/>
      <c r="K96" s="151"/>
      <c r="L96" s="151"/>
      <c r="M96" s="151"/>
      <c r="N96" s="151"/>
      <c r="O96" s="151"/>
      <c r="P96" s="151"/>
      <c r="Q96" s="151"/>
      <c r="R96" s="151"/>
      <c r="S96" s="151"/>
      <c r="T96" s="151"/>
      <c r="U96" s="151"/>
      <c r="V96" s="151"/>
      <c r="W96" s="151"/>
      <c r="X96" s="151"/>
      <c r="Y96" s="152"/>
      <c r="AA96" s="144"/>
      <c r="AB96" s="144"/>
      <c r="AC96" s="144"/>
      <c r="AD96" s="144"/>
      <c r="AE96" s="144"/>
      <c r="AF96" s="144"/>
      <c r="AG96" s="144"/>
      <c r="AH96" s="144"/>
      <c r="AI96" s="144"/>
      <c r="AJ96" s="144"/>
      <c r="AK96" s="144"/>
      <c r="AL96" s="144"/>
      <c r="AM96" s="144"/>
      <c r="AN96" s="144"/>
      <c r="AO96" s="144"/>
      <c r="AP96" s="144"/>
      <c r="AQ96" s="144"/>
      <c r="AR96" s="144"/>
      <c r="AS96" s="144"/>
      <c r="AT96" s="144"/>
      <c r="AU96" s="142" t="s">
        <v>13</v>
      </c>
      <c r="AV96" s="142"/>
      <c r="AW96" s="142"/>
      <c r="AX96" s="142"/>
      <c r="AZ96" s="72"/>
      <c r="BA96" s="112"/>
      <c r="BB96" s="113"/>
      <c r="BC96" s="113"/>
      <c r="BD96" s="113"/>
      <c r="BE96" s="113"/>
      <c r="BF96" s="113"/>
      <c r="BG96" s="113"/>
      <c r="BH96" s="113"/>
      <c r="BI96" s="113"/>
      <c r="BJ96" s="113"/>
      <c r="BK96" s="113"/>
      <c r="BL96" s="113"/>
      <c r="BM96" s="96"/>
      <c r="BN96" s="77"/>
      <c r="BO96" s="77"/>
      <c r="BP96" s="77"/>
      <c r="BQ96" s="77"/>
      <c r="BR96" s="77"/>
      <c r="BS96" s="77"/>
      <c r="BT96" s="77"/>
      <c r="BU96" s="77"/>
      <c r="BV96" s="77"/>
      <c r="BW96" s="77"/>
      <c r="BX96" s="77"/>
      <c r="BY96" s="77"/>
      <c r="BZ96" s="77"/>
      <c r="CA96" s="77"/>
      <c r="CB96" s="77"/>
      <c r="CC96" s="77"/>
      <c r="CD96" s="77"/>
      <c r="CE96" s="77"/>
      <c r="CF96" s="77"/>
      <c r="CG96" s="77"/>
      <c r="CH96" s="77"/>
      <c r="CI96" s="77"/>
      <c r="CJ96" s="77"/>
      <c r="CK96" s="77"/>
      <c r="CL96" s="77"/>
      <c r="CM96" s="77"/>
      <c r="CN96" s="77"/>
      <c r="CO96" s="77"/>
      <c r="CP96" s="108"/>
      <c r="CQ96" s="112"/>
      <c r="CR96" s="113"/>
      <c r="CS96" s="113"/>
      <c r="CT96" s="113"/>
      <c r="CU96" s="113"/>
      <c r="CV96" s="113"/>
      <c r="CW96" s="113"/>
      <c r="CX96" s="113"/>
      <c r="CY96" s="113"/>
      <c r="CZ96" s="96"/>
      <c r="DA96" s="77"/>
      <c r="DB96" s="77"/>
      <c r="DC96" s="77"/>
      <c r="DD96" s="77"/>
      <c r="DE96" s="77"/>
      <c r="DF96" s="77"/>
      <c r="DG96" s="77"/>
      <c r="DH96" s="77"/>
      <c r="DI96" s="77"/>
      <c r="DJ96" s="77"/>
      <c r="DK96" s="77"/>
      <c r="DL96" s="77"/>
      <c r="DM96" s="77"/>
      <c r="DN96" s="77"/>
      <c r="DO96" s="77"/>
      <c r="DP96" s="77"/>
      <c r="DQ96" s="77"/>
      <c r="DR96" s="77"/>
      <c r="DS96" s="77"/>
      <c r="DT96" s="77"/>
      <c r="DU96" s="77"/>
      <c r="DV96" s="77"/>
      <c r="DW96" s="77"/>
      <c r="DX96" s="77"/>
      <c r="DY96" s="77"/>
      <c r="DZ96" s="108"/>
      <c r="EE96" s="426"/>
      <c r="EF96" s="426"/>
      <c r="EG96" s="426"/>
      <c r="EH96" s="426"/>
      <c r="EI96" s="426"/>
      <c r="EJ96" s="426"/>
      <c r="EK96" s="426"/>
      <c r="EL96" s="426"/>
      <c r="EM96" s="426"/>
      <c r="EN96" s="426"/>
      <c r="EO96" s="426"/>
      <c r="EP96" s="426"/>
      <c r="EQ96" s="426"/>
      <c r="ER96" s="426"/>
      <c r="ES96" s="426"/>
      <c r="ET96" s="426"/>
      <c r="EU96" s="426"/>
      <c r="EV96" s="426"/>
      <c r="EW96" s="426"/>
      <c r="EX96" s="426"/>
      <c r="EY96" s="426"/>
      <c r="EZ96" s="426"/>
      <c r="FA96" s="426"/>
      <c r="FB96" s="426"/>
      <c r="FC96" s="426"/>
      <c r="FD96" s="426"/>
      <c r="FE96" s="426"/>
      <c r="FF96" s="426"/>
      <c r="FG96" s="426"/>
      <c r="FH96" s="426"/>
      <c r="FI96" s="426"/>
      <c r="FJ96" s="426"/>
      <c r="FK96" s="426"/>
      <c r="FL96" s="426"/>
      <c r="FM96" s="426"/>
      <c r="FN96" s="426"/>
      <c r="FO96" s="426"/>
      <c r="FP96" s="426"/>
      <c r="FQ96" s="426"/>
      <c r="FR96" s="426"/>
      <c r="FS96" s="426"/>
      <c r="FT96" s="426"/>
      <c r="FU96" s="426"/>
      <c r="FV96" s="426"/>
      <c r="FW96" s="426"/>
      <c r="FX96" s="426"/>
      <c r="FY96" s="426"/>
      <c r="FZ96" s="426"/>
      <c r="GA96" s="426"/>
      <c r="GB96" s="426"/>
      <c r="GC96" s="426"/>
      <c r="GD96" s="426"/>
      <c r="GE96" s="426"/>
      <c r="GF96" s="426"/>
      <c r="GG96" s="426"/>
      <c r="GH96" s="426"/>
      <c r="GI96" s="426"/>
      <c r="GJ96" s="426"/>
      <c r="GK96" s="426"/>
      <c r="GL96" s="426"/>
      <c r="GM96" s="426"/>
      <c r="GN96" s="426"/>
      <c r="GO96" s="426"/>
      <c r="GP96" s="426"/>
      <c r="GQ96" s="426"/>
      <c r="GR96" s="426"/>
      <c r="GS96" s="426"/>
      <c r="GT96" s="426"/>
      <c r="GU96" s="426"/>
      <c r="GV96" s="426"/>
      <c r="GW96" s="426"/>
      <c r="GX96" s="426"/>
      <c r="GY96" s="426"/>
      <c r="GZ96" s="426"/>
      <c r="HA96" s="426"/>
      <c r="HB96" s="426"/>
      <c r="HC96" s="426"/>
      <c r="HD96" s="426"/>
      <c r="HE96" s="426"/>
      <c r="HF96" s="426"/>
      <c r="HG96" s="426"/>
      <c r="HH96" s="426"/>
      <c r="HI96" s="426"/>
      <c r="HJ96" s="426"/>
      <c r="HK96" s="426"/>
      <c r="HL96" s="426"/>
      <c r="HM96" s="426"/>
      <c r="HN96" s="426"/>
      <c r="HO96" s="426"/>
      <c r="HP96" s="426"/>
      <c r="HQ96" s="426"/>
    </row>
    <row r="97" spans="2:225" ht="6" customHeight="1">
      <c r="B97" s="150"/>
      <c r="C97" s="151"/>
      <c r="D97" s="151"/>
      <c r="E97" s="151"/>
      <c r="F97" s="151"/>
      <c r="G97" s="151"/>
      <c r="H97" s="151"/>
      <c r="I97" s="151"/>
      <c r="J97" s="151"/>
      <c r="K97" s="151"/>
      <c r="L97" s="151"/>
      <c r="M97" s="151"/>
      <c r="N97" s="151"/>
      <c r="O97" s="151"/>
      <c r="P97" s="151"/>
      <c r="Q97" s="151"/>
      <c r="R97" s="151"/>
      <c r="S97" s="151"/>
      <c r="T97" s="151"/>
      <c r="U97" s="151"/>
      <c r="V97" s="151"/>
      <c r="W97" s="151"/>
      <c r="X97" s="151"/>
      <c r="Y97" s="152"/>
      <c r="AA97" s="145"/>
      <c r="AB97" s="145"/>
      <c r="AC97" s="145"/>
      <c r="AD97" s="145"/>
      <c r="AE97" s="145"/>
      <c r="AF97" s="145"/>
      <c r="AG97" s="145"/>
      <c r="AH97" s="145"/>
      <c r="AI97" s="145"/>
      <c r="AJ97" s="145"/>
      <c r="AK97" s="145"/>
      <c r="AL97" s="145"/>
      <c r="AM97" s="145"/>
      <c r="AN97" s="145"/>
      <c r="AO97" s="145"/>
      <c r="AP97" s="145"/>
      <c r="AQ97" s="145"/>
      <c r="AR97" s="145"/>
      <c r="AS97" s="145"/>
      <c r="AT97" s="145"/>
      <c r="AU97" s="146"/>
      <c r="AV97" s="146"/>
      <c r="AW97" s="146"/>
      <c r="AX97" s="146"/>
      <c r="AZ97" s="72"/>
      <c r="BA97" s="112"/>
      <c r="BB97" s="113"/>
      <c r="BC97" s="113"/>
      <c r="BD97" s="113"/>
      <c r="BE97" s="113"/>
      <c r="BF97" s="113"/>
      <c r="BG97" s="113"/>
      <c r="BH97" s="113"/>
      <c r="BI97" s="113"/>
      <c r="BJ97" s="113"/>
      <c r="BK97" s="113"/>
      <c r="BL97" s="113"/>
      <c r="BM97" s="96"/>
      <c r="BN97" s="77"/>
      <c r="BO97" s="77"/>
      <c r="BP97" s="77"/>
      <c r="BQ97" s="77"/>
      <c r="BR97" s="77"/>
      <c r="BS97" s="77"/>
      <c r="BT97" s="77"/>
      <c r="BU97" s="77"/>
      <c r="BV97" s="77"/>
      <c r="BW97" s="77"/>
      <c r="BX97" s="77"/>
      <c r="BY97" s="77"/>
      <c r="BZ97" s="77"/>
      <c r="CA97" s="77"/>
      <c r="CB97" s="77"/>
      <c r="CC97" s="77"/>
      <c r="CD97" s="77"/>
      <c r="CE97" s="77"/>
      <c r="CF97" s="77"/>
      <c r="CG97" s="77"/>
      <c r="CH97" s="77"/>
      <c r="CI97" s="77"/>
      <c r="CJ97" s="77"/>
      <c r="CK97" s="77"/>
      <c r="CL97" s="77"/>
      <c r="CM97" s="77"/>
      <c r="CN97" s="77"/>
      <c r="CO97" s="77"/>
      <c r="CP97" s="108"/>
      <c r="CQ97" s="112"/>
      <c r="CR97" s="113"/>
      <c r="CS97" s="113"/>
      <c r="CT97" s="113"/>
      <c r="CU97" s="113"/>
      <c r="CV97" s="113"/>
      <c r="CW97" s="113"/>
      <c r="CX97" s="113"/>
      <c r="CY97" s="113"/>
      <c r="CZ97" s="96"/>
      <c r="DA97" s="77"/>
      <c r="DB97" s="77"/>
      <c r="DC97" s="77"/>
      <c r="DD97" s="77"/>
      <c r="DE97" s="77"/>
      <c r="DF97" s="77"/>
      <c r="DG97" s="77"/>
      <c r="DH97" s="77"/>
      <c r="DI97" s="77"/>
      <c r="DJ97" s="77"/>
      <c r="DK97" s="77"/>
      <c r="DL97" s="77"/>
      <c r="DM97" s="77"/>
      <c r="DN97" s="77"/>
      <c r="DO97" s="77"/>
      <c r="DP97" s="77"/>
      <c r="DQ97" s="77"/>
      <c r="DR97" s="77"/>
      <c r="DS97" s="77"/>
      <c r="DT97" s="77"/>
      <c r="DU97" s="77"/>
      <c r="DV97" s="77"/>
      <c r="DW97" s="77"/>
      <c r="DX97" s="77"/>
      <c r="DY97" s="77"/>
      <c r="DZ97" s="108"/>
      <c r="EE97" s="426"/>
      <c r="EF97" s="426"/>
      <c r="EG97" s="426"/>
      <c r="EH97" s="426"/>
      <c r="EI97" s="426"/>
      <c r="EJ97" s="426"/>
      <c r="EK97" s="426"/>
      <c r="EL97" s="426"/>
      <c r="EM97" s="426"/>
      <c r="EN97" s="426"/>
      <c r="EO97" s="426"/>
      <c r="EP97" s="426"/>
      <c r="EQ97" s="426"/>
      <c r="ER97" s="426"/>
      <c r="ES97" s="426"/>
      <c r="ET97" s="426"/>
      <c r="EU97" s="426"/>
      <c r="EV97" s="426"/>
      <c r="EW97" s="426"/>
      <c r="EX97" s="426"/>
      <c r="EY97" s="426"/>
      <c r="EZ97" s="426"/>
      <c r="FA97" s="426"/>
      <c r="FB97" s="426"/>
      <c r="FC97" s="426"/>
      <c r="FD97" s="426"/>
      <c r="FE97" s="426"/>
      <c r="FF97" s="426"/>
      <c r="FG97" s="426"/>
      <c r="FH97" s="426"/>
      <c r="FI97" s="426"/>
      <c r="FJ97" s="426"/>
      <c r="FK97" s="426"/>
      <c r="FL97" s="426"/>
      <c r="FM97" s="426"/>
      <c r="FN97" s="426"/>
      <c r="FO97" s="426"/>
      <c r="FP97" s="426"/>
      <c r="FQ97" s="426"/>
      <c r="FR97" s="426"/>
      <c r="FS97" s="426"/>
      <c r="FT97" s="426"/>
      <c r="FU97" s="426"/>
      <c r="FV97" s="426"/>
      <c r="FW97" s="426"/>
      <c r="FX97" s="426"/>
      <c r="FY97" s="426"/>
      <c r="FZ97" s="426"/>
      <c r="GA97" s="426"/>
      <c r="GB97" s="426"/>
      <c r="GC97" s="426"/>
      <c r="GD97" s="426"/>
      <c r="GE97" s="426"/>
      <c r="GF97" s="426"/>
      <c r="GG97" s="426"/>
      <c r="GH97" s="426"/>
      <c r="GI97" s="426"/>
      <c r="GJ97" s="426"/>
      <c r="GK97" s="426"/>
      <c r="GL97" s="426"/>
      <c r="GM97" s="426"/>
      <c r="GN97" s="426"/>
      <c r="GO97" s="426"/>
      <c r="GP97" s="426"/>
      <c r="GQ97" s="426"/>
      <c r="GR97" s="426"/>
      <c r="GS97" s="426"/>
      <c r="GT97" s="426"/>
      <c r="GU97" s="426"/>
      <c r="GV97" s="426"/>
      <c r="GW97" s="426"/>
      <c r="GX97" s="426"/>
      <c r="GY97" s="426"/>
      <c r="GZ97" s="426"/>
      <c r="HA97" s="426"/>
      <c r="HB97" s="426"/>
      <c r="HC97" s="426"/>
      <c r="HD97" s="426"/>
      <c r="HE97" s="426"/>
      <c r="HF97" s="426"/>
      <c r="HG97" s="426"/>
      <c r="HH97" s="426"/>
      <c r="HI97" s="426"/>
      <c r="HJ97" s="426"/>
      <c r="HK97" s="426"/>
      <c r="HL97" s="426"/>
      <c r="HM97" s="426"/>
      <c r="HN97" s="426"/>
      <c r="HO97" s="426"/>
      <c r="HP97" s="426"/>
      <c r="HQ97" s="426"/>
    </row>
    <row r="98" spans="2:225" ht="6" customHeight="1">
      <c r="B98" s="153"/>
      <c r="C98" s="154"/>
      <c r="D98" s="154"/>
      <c r="E98" s="154"/>
      <c r="F98" s="154"/>
      <c r="G98" s="154"/>
      <c r="H98" s="154"/>
      <c r="I98" s="154"/>
      <c r="J98" s="154"/>
      <c r="K98" s="154"/>
      <c r="L98" s="154"/>
      <c r="M98" s="154"/>
      <c r="N98" s="154"/>
      <c r="O98" s="154"/>
      <c r="P98" s="154"/>
      <c r="Q98" s="154"/>
      <c r="R98" s="154"/>
      <c r="S98" s="154"/>
      <c r="T98" s="154"/>
      <c r="U98" s="154"/>
      <c r="V98" s="154"/>
      <c r="W98" s="154"/>
      <c r="X98" s="154"/>
      <c r="Y98" s="155"/>
      <c r="Z98" s="74"/>
      <c r="AA98" s="74"/>
      <c r="AB98" s="74"/>
      <c r="AC98" s="74"/>
      <c r="AD98" s="74"/>
      <c r="AE98" s="74"/>
      <c r="AF98" s="74"/>
      <c r="AG98" s="74"/>
      <c r="AH98" s="74"/>
      <c r="AI98" s="74"/>
      <c r="AJ98" s="74"/>
      <c r="AK98" s="74"/>
      <c r="AL98" s="74"/>
      <c r="AM98" s="74"/>
      <c r="AN98" s="74"/>
      <c r="AO98" s="74"/>
      <c r="AP98" s="74"/>
      <c r="AQ98" s="74"/>
      <c r="AR98" s="74"/>
      <c r="AS98" s="74"/>
      <c r="AT98" s="74"/>
      <c r="AU98" s="74"/>
      <c r="AV98" s="74"/>
      <c r="AW98" s="74"/>
      <c r="AX98" s="74"/>
      <c r="AY98" s="74"/>
      <c r="AZ98" s="75"/>
      <c r="BA98" s="114"/>
      <c r="BB98" s="115"/>
      <c r="BC98" s="115"/>
      <c r="BD98" s="115"/>
      <c r="BE98" s="115"/>
      <c r="BF98" s="115"/>
      <c r="BG98" s="115"/>
      <c r="BH98" s="115"/>
      <c r="BI98" s="115"/>
      <c r="BJ98" s="115"/>
      <c r="BK98" s="115"/>
      <c r="BL98" s="115"/>
      <c r="BM98" s="97"/>
      <c r="BN98" s="78"/>
      <c r="BO98" s="78"/>
      <c r="BP98" s="78"/>
      <c r="BQ98" s="78"/>
      <c r="BR98" s="78"/>
      <c r="BS98" s="78"/>
      <c r="BT98" s="78"/>
      <c r="BU98" s="78"/>
      <c r="BV98" s="78"/>
      <c r="BW98" s="78"/>
      <c r="BX98" s="78"/>
      <c r="BY98" s="78"/>
      <c r="BZ98" s="78"/>
      <c r="CA98" s="78"/>
      <c r="CB98" s="78"/>
      <c r="CC98" s="78"/>
      <c r="CD98" s="78"/>
      <c r="CE98" s="78"/>
      <c r="CF98" s="78"/>
      <c r="CG98" s="78"/>
      <c r="CH98" s="78"/>
      <c r="CI98" s="78"/>
      <c r="CJ98" s="78"/>
      <c r="CK98" s="78"/>
      <c r="CL98" s="78"/>
      <c r="CM98" s="78"/>
      <c r="CN98" s="78"/>
      <c r="CO98" s="78"/>
      <c r="CP98" s="109"/>
      <c r="CQ98" s="114"/>
      <c r="CR98" s="115"/>
      <c r="CS98" s="115"/>
      <c r="CT98" s="115"/>
      <c r="CU98" s="115"/>
      <c r="CV98" s="115"/>
      <c r="CW98" s="115"/>
      <c r="CX98" s="115"/>
      <c r="CY98" s="115"/>
      <c r="CZ98" s="97"/>
      <c r="DA98" s="78"/>
      <c r="DB98" s="78"/>
      <c r="DC98" s="78"/>
      <c r="DD98" s="78"/>
      <c r="DE98" s="78"/>
      <c r="DF98" s="78"/>
      <c r="DG98" s="78"/>
      <c r="DH98" s="78"/>
      <c r="DI98" s="78"/>
      <c r="DJ98" s="78"/>
      <c r="DK98" s="78"/>
      <c r="DL98" s="78"/>
      <c r="DM98" s="78"/>
      <c r="DN98" s="78"/>
      <c r="DO98" s="78"/>
      <c r="DP98" s="78"/>
      <c r="DQ98" s="78"/>
      <c r="DR98" s="78"/>
      <c r="DS98" s="78"/>
      <c r="DT98" s="78"/>
      <c r="DU98" s="78"/>
      <c r="DV98" s="78"/>
      <c r="DW98" s="78"/>
      <c r="DX98" s="78"/>
      <c r="DY98" s="78"/>
      <c r="DZ98" s="109"/>
      <c r="EE98" s="426"/>
      <c r="EF98" s="426"/>
      <c r="EG98" s="426"/>
      <c r="EH98" s="426"/>
      <c r="EI98" s="426"/>
      <c r="EJ98" s="426"/>
      <c r="EK98" s="426"/>
      <c r="EL98" s="426"/>
      <c r="EM98" s="426"/>
      <c r="EN98" s="426"/>
      <c r="EO98" s="426"/>
      <c r="EP98" s="426"/>
      <c r="EQ98" s="426"/>
      <c r="ER98" s="426"/>
      <c r="ES98" s="426"/>
      <c r="ET98" s="426"/>
      <c r="EU98" s="426"/>
      <c r="EV98" s="426"/>
      <c r="EW98" s="426"/>
      <c r="EX98" s="426"/>
      <c r="EY98" s="426"/>
      <c r="EZ98" s="426"/>
      <c r="FA98" s="426"/>
      <c r="FB98" s="426"/>
      <c r="FC98" s="426"/>
      <c r="FD98" s="426"/>
      <c r="FE98" s="426"/>
      <c r="FF98" s="426"/>
      <c r="FG98" s="426"/>
      <c r="FH98" s="426"/>
      <c r="FI98" s="426"/>
      <c r="FJ98" s="426"/>
      <c r="FK98" s="426"/>
      <c r="FL98" s="426"/>
      <c r="FM98" s="426"/>
      <c r="FN98" s="426"/>
      <c r="FO98" s="426"/>
      <c r="FP98" s="426"/>
      <c r="FQ98" s="426"/>
      <c r="FR98" s="426"/>
      <c r="FS98" s="426"/>
      <c r="FT98" s="426"/>
      <c r="FU98" s="426"/>
      <c r="FV98" s="426"/>
      <c r="FW98" s="426"/>
      <c r="FX98" s="426"/>
      <c r="FY98" s="426"/>
      <c r="FZ98" s="426"/>
      <c r="GA98" s="426"/>
      <c r="GB98" s="426"/>
      <c r="GC98" s="426"/>
      <c r="GD98" s="426"/>
      <c r="GE98" s="426"/>
      <c r="GF98" s="426"/>
      <c r="GG98" s="426"/>
      <c r="GH98" s="426"/>
      <c r="GI98" s="426"/>
      <c r="GJ98" s="426"/>
      <c r="GK98" s="426"/>
      <c r="GL98" s="426"/>
      <c r="GM98" s="426"/>
      <c r="GN98" s="426"/>
      <c r="GO98" s="426"/>
      <c r="GP98" s="426"/>
      <c r="GQ98" s="426"/>
      <c r="GR98" s="426"/>
      <c r="GS98" s="426"/>
      <c r="GT98" s="426"/>
      <c r="GU98" s="426"/>
      <c r="GV98" s="426"/>
      <c r="GW98" s="426"/>
      <c r="GX98" s="426"/>
      <c r="GY98" s="426"/>
      <c r="GZ98" s="426"/>
      <c r="HA98" s="426"/>
      <c r="HB98" s="426"/>
      <c r="HC98" s="426"/>
      <c r="HD98" s="426"/>
      <c r="HE98" s="426"/>
      <c r="HF98" s="426"/>
      <c r="HG98" s="426"/>
      <c r="HH98" s="426"/>
      <c r="HI98" s="426"/>
      <c r="HJ98" s="426"/>
      <c r="HK98" s="426"/>
      <c r="HL98" s="426"/>
      <c r="HM98" s="426"/>
      <c r="HN98" s="426"/>
      <c r="HO98" s="426"/>
      <c r="HP98" s="426"/>
      <c r="HQ98" s="426"/>
    </row>
    <row r="99" spans="2:225" ht="6" customHeight="1"/>
  </sheetData>
  <mergeCells count="388">
    <mergeCell ref="AA96:AT97"/>
    <mergeCell ref="AU96:AX97"/>
    <mergeCell ref="CK95:CM98"/>
    <mergeCell ref="CN95:CP98"/>
    <mergeCell ref="CQ95:CY98"/>
    <mergeCell ref="CZ95:DB98"/>
    <mergeCell ref="DC95:DE98"/>
    <mergeCell ref="DF95:DH98"/>
    <mergeCell ref="DI95:DK98"/>
    <mergeCell ref="BA95:BL98"/>
    <mergeCell ref="BM95:BO98"/>
    <mergeCell ref="BP95:BR98"/>
    <mergeCell ref="BS95:BU98"/>
    <mergeCell ref="BV95:BX98"/>
    <mergeCell ref="BY95:CA98"/>
    <mergeCell ref="CB95:CD98"/>
    <mergeCell ref="CE95:CG98"/>
    <mergeCell ref="CH95:CJ98"/>
    <mergeCell ref="DL91:DN94"/>
    <mergeCell ref="DO91:DQ94"/>
    <mergeCell ref="DR91:DT94"/>
    <mergeCell ref="DU91:DW94"/>
    <mergeCell ref="DX91:DZ94"/>
    <mergeCell ref="DR95:DT98"/>
    <mergeCell ref="DU95:DW98"/>
    <mergeCell ref="DX95:DZ98"/>
    <mergeCell ref="DL95:DN98"/>
    <mergeCell ref="DO95:DQ98"/>
    <mergeCell ref="CE91:CG94"/>
    <mergeCell ref="CH91:CJ94"/>
    <mergeCell ref="CK91:CM94"/>
    <mergeCell ref="CN91:CP94"/>
    <mergeCell ref="CQ91:CY94"/>
    <mergeCell ref="CZ91:DB94"/>
    <mergeCell ref="DC91:DE94"/>
    <mergeCell ref="DF91:DH94"/>
    <mergeCell ref="DI91:DK94"/>
    <mergeCell ref="AA91:AD92"/>
    <mergeCell ref="AF91:AW92"/>
    <mergeCell ref="BA91:BL94"/>
    <mergeCell ref="BM91:BO94"/>
    <mergeCell ref="BP91:BR94"/>
    <mergeCell ref="BS91:BU94"/>
    <mergeCell ref="BV91:BX94"/>
    <mergeCell ref="BY91:CA94"/>
    <mergeCell ref="CB91:CD94"/>
    <mergeCell ref="CE87:CG90"/>
    <mergeCell ref="CH87:CJ90"/>
    <mergeCell ref="DC87:DE90"/>
    <mergeCell ref="DF87:DH90"/>
    <mergeCell ref="DI87:DK90"/>
    <mergeCell ref="DL87:DN90"/>
    <mergeCell ref="DO87:DQ90"/>
    <mergeCell ref="DR87:DT90"/>
    <mergeCell ref="DU87:DW90"/>
    <mergeCell ref="CK87:CM90"/>
    <mergeCell ref="CN87:CP90"/>
    <mergeCell ref="CQ87:CY90"/>
    <mergeCell ref="CZ87:DB90"/>
    <mergeCell ref="BV67:BX70"/>
    <mergeCell ref="BY67:CA70"/>
    <mergeCell ref="CB67:CD70"/>
    <mergeCell ref="BA87:BL90"/>
    <mergeCell ref="BM87:BO90"/>
    <mergeCell ref="BP87:BR90"/>
    <mergeCell ref="BS87:BU90"/>
    <mergeCell ref="BV87:BX90"/>
    <mergeCell ref="BY87:CA90"/>
    <mergeCell ref="CB87:CD90"/>
    <mergeCell ref="BM75:BO78"/>
    <mergeCell ref="BP75:BR78"/>
    <mergeCell ref="BS75:BU78"/>
    <mergeCell ref="BV75:BX78"/>
    <mergeCell ref="BY75:CA78"/>
    <mergeCell ref="CB75:CD78"/>
    <mergeCell ref="Z67:BL70"/>
    <mergeCell ref="B75:G78"/>
    <mergeCell ref="H75:M78"/>
    <mergeCell ref="N75:S78"/>
    <mergeCell ref="T75:Y78"/>
    <mergeCell ref="H79:M82"/>
    <mergeCell ref="N79:S82"/>
    <mergeCell ref="T79:Y82"/>
    <mergeCell ref="B79:G82"/>
    <mergeCell ref="Z75:BL78"/>
    <mergeCell ref="CE75:CG78"/>
    <mergeCell ref="CH75:CJ78"/>
    <mergeCell ref="Z79:BL82"/>
    <mergeCell ref="BM79:BO82"/>
    <mergeCell ref="BP79:BR82"/>
    <mergeCell ref="EJ84:EY87"/>
    <mergeCell ref="EZ84:FZ87"/>
    <mergeCell ref="GA84:GN87"/>
    <mergeCell ref="GO84:HQ87"/>
    <mergeCell ref="CQ75:DK78"/>
    <mergeCell ref="DL75:DZ78"/>
    <mergeCell ref="EJ72:EY75"/>
    <mergeCell ref="EZ72:FZ75"/>
    <mergeCell ref="DF83:DH86"/>
    <mergeCell ref="DI83:DK86"/>
    <mergeCell ref="DL83:DN86"/>
    <mergeCell ref="GO80:HQ83"/>
    <mergeCell ref="GO76:HQ79"/>
    <mergeCell ref="DO83:DQ86"/>
    <mergeCell ref="DR83:DT86"/>
    <mergeCell ref="DU83:DW86"/>
    <mergeCell ref="DX83:DZ86"/>
    <mergeCell ref="CQ71:DK74"/>
    <mergeCell ref="DL71:DZ74"/>
    <mergeCell ref="DX87:DZ90"/>
    <mergeCell ref="B89:Y98"/>
    <mergeCell ref="EZ80:FZ83"/>
    <mergeCell ref="GA80:GN83"/>
    <mergeCell ref="EE89:HQ98"/>
    <mergeCell ref="CQ79:DK82"/>
    <mergeCell ref="DL79:DZ82"/>
    <mergeCell ref="B83:AZ88"/>
    <mergeCell ref="BA83:BL86"/>
    <mergeCell ref="BM83:BO86"/>
    <mergeCell ref="BP83:BR86"/>
    <mergeCell ref="BS83:BU86"/>
    <mergeCell ref="EJ80:EY83"/>
    <mergeCell ref="EJ76:EY79"/>
    <mergeCell ref="EZ76:FZ79"/>
    <mergeCell ref="GA76:GN79"/>
    <mergeCell ref="ED72:EI87"/>
    <mergeCell ref="GA72:GN75"/>
    <mergeCell ref="BV83:BX86"/>
    <mergeCell ref="BY83:CA86"/>
    <mergeCell ref="CB83:CD86"/>
    <mergeCell ref="CE83:CG86"/>
    <mergeCell ref="CH83:CJ86"/>
    <mergeCell ref="CK75:CM78"/>
    <mergeCell ref="CN75:CP78"/>
    <mergeCell ref="CK83:CM86"/>
    <mergeCell ref="CN83:CP86"/>
    <mergeCell ref="CQ83:CY86"/>
    <mergeCell ref="CZ83:DB86"/>
    <mergeCell ref="DC83:DE86"/>
    <mergeCell ref="B67:G70"/>
    <mergeCell ref="H67:M70"/>
    <mergeCell ref="N67:S70"/>
    <mergeCell ref="T67:Y70"/>
    <mergeCell ref="CK79:CM82"/>
    <mergeCell ref="CN79:CP82"/>
    <mergeCell ref="BS79:BU82"/>
    <mergeCell ref="BV79:BX82"/>
    <mergeCell ref="BY79:CA82"/>
    <mergeCell ref="CB79:CD82"/>
    <mergeCell ref="CE79:CG82"/>
    <mergeCell ref="CH79:CJ82"/>
    <mergeCell ref="BY71:CA74"/>
    <mergeCell ref="CB71:CD74"/>
    <mergeCell ref="CE71:CG74"/>
    <mergeCell ref="CH71:CJ74"/>
    <mergeCell ref="CK71:CM74"/>
    <mergeCell ref="CN71:CP74"/>
    <mergeCell ref="GQ67:HP70"/>
    <mergeCell ref="HQ67:HQ70"/>
    <mergeCell ref="B71:G74"/>
    <mergeCell ref="H71:M74"/>
    <mergeCell ref="N71:S74"/>
    <mergeCell ref="T71:Y74"/>
    <mergeCell ref="ED67:FM70"/>
    <mergeCell ref="FN67:GO70"/>
    <mergeCell ref="GP67:GP70"/>
    <mergeCell ref="CE67:CG70"/>
    <mergeCell ref="CH67:CJ70"/>
    <mergeCell ref="CK67:CM70"/>
    <mergeCell ref="CN67:CP70"/>
    <mergeCell ref="CQ67:DK70"/>
    <mergeCell ref="DL67:DZ70"/>
    <mergeCell ref="Z71:BL74"/>
    <mergeCell ref="BM71:BO74"/>
    <mergeCell ref="BP71:BR74"/>
    <mergeCell ref="BS71:BU74"/>
    <mergeCell ref="BV71:BX74"/>
    <mergeCell ref="GO72:HQ75"/>
    <mergeCell ref="BM67:BO70"/>
    <mergeCell ref="BP67:BR70"/>
    <mergeCell ref="BS67:BU70"/>
    <mergeCell ref="GP59:HQ62"/>
    <mergeCell ref="ED63:FM66"/>
    <mergeCell ref="FN63:GO66"/>
    <mergeCell ref="GP63:GP66"/>
    <mergeCell ref="GQ63:HP66"/>
    <mergeCell ref="HQ63:HQ66"/>
    <mergeCell ref="GP55:HQ58"/>
    <mergeCell ref="B65:Y66"/>
    <mergeCell ref="Z65:BL66"/>
    <mergeCell ref="BM65:CP66"/>
    <mergeCell ref="CQ65:DK66"/>
    <mergeCell ref="DL65:DZ66"/>
    <mergeCell ref="EV51:FM54"/>
    <mergeCell ref="FN51:GO54"/>
    <mergeCell ref="B59:H62"/>
    <mergeCell ref="I59:O62"/>
    <mergeCell ref="P59:P62"/>
    <mergeCell ref="Q59:CG62"/>
    <mergeCell ref="CH59:CH62"/>
    <mergeCell ref="CI59:DH62"/>
    <mergeCell ref="DI59:DT62"/>
    <mergeCell ref="DU59:EF62"/>
    <mergeCell ref="EG59:EU62"/>
    <mergeCell ref="EV59:FM62"/>
    <mergeCell ref="FN59:GO62"/>
    <mergeCell ref="GP51:HQ54"/>
    <mergeCell ref="B55:H58"/>
    <mergeCell ref="I55:O58"/>
    <mergeCell ref="P55:P58"/>
    <mergeCell ref="Q55:CG58"/>
    <mergeCell ref="CH55:CH58"/>
    <mergeCell ref="EV47:FM50"/>
    <mergeCell ref="FN47:GO50"/>
    <mergeCell ref="GP47:HQ50"/>
    <mergeCell ref="B51:H54"/>
    <mergeCell ref="I51:O54"/>
    <mergeCell ref="P51:P54"/>
    <mergeCell ref="Q51:CG54"/>
    <mergeCell ref="CH51:CH54"/>
    <mergeCell ref="CI51:DH54"/>
    <mergeCell ref="DI51:DT54"/>
    <mergeCell ref="CI55:DH58"/>
    <mergeCell ref="DI55:DT58"/>
    <mergeCell ref="DU55:EF58"/>
    <mergeCell ref="EG55:EU58"/>
    <mergeCell ref="EV55:FM58"/>
    <mergeCell ref="FN55:GO58"/>
    <mergeCell ref="DU51:EF54"/>
    <mergeCell ref="EG51:EU54"/>
    <mergeCell ref="DU39:EF42"/>
    <mergeCell ref="EG39:EU42"/>
    <mergeCell ref="B47:H50"/>
    <mergeCell ref="I47:O50"/>
    <mergeCell ref="P47:P50"/>
    <mergeCell ref="Q47:CG50"/>
    <mergeCell ref="CH47:CH50"/>
    <mergeCell ref="CI47:DH50"/>
    <mergeCell ref="DI47:DT50"/>
    <mergeCell ref="DU47:EF50"/>
    <mergeCell ref="EG47:EU50"/>
    <mergeCell ref="AE30:AP34"/>
    <mergeCell ref="AQ30:BB34"/>
    <mergeCell ref="EV39:FM42"/>
    <mergeCell ref="FN39:GO42"/>
    <mergeCell ref="GP39:HQ42"/>
    <mergeCell ref="B43:H46"/>
    <mergeCell ref="I43:O46"/>
    <mergeCell ref="P43:P46"/>
    <mergeCell ref="Q43:CG46"/>
    <mergeCell ref="CH43:CH46"/>
    <mergeCell ref="GP43:HQ46"/>
    <mergeCell ref="CI43:DH46"/>
    <mergeCell ref="DI43:DT46"/>
    <mergeCell ref="DU43:EF46"/>
    <mergeCell ref="EG43:EU46"/>
    <mergeCell ref="EV43:FM46"/>
    <mergeCell ref="FN43:GO46"/>
    <mergeCell ref="B39:H42"/>
    <mergeCell ref="I39:O42"/>
    <mergeCell ref="P39:P42"/>
    <mergeCell ref="Q39:CG42"/>
    <mergeCell ref="CH39:CH42"/>
    <mergeCell ref="CI39:DH42"/>
    <mergeCell ref="DI39:DT42"/>
    <mergeCell ref="DQ30:EK31"/>
    <mergeCell ref="EL30:FF31"/>
    <mergeCell ref="DQ32:EK34"/>
    <mergeCell ref="EL32:FF34"/>
    <mergeCell ref="C28:Q30"/>
    <mergeCell ref="FG32:GA34"/>
    <mergeCell ref="GB32:GV34"/>
    <mergeCell ref="GW32:HQ34"/>
    <mergeCell ref="B36:H38"/>
    <mergeCell ref="I36:O38"/>
    <mergeCell ref="P36:CH38"/>
    <mergeCell ref="CI36:DH38"/>
    <mergeCell ref="DI36:DT38"/>
    <mergeCell ref="DU36:EF38"/>
    <mergeCell ref="EG36:EU38"/>
    <mergeCell ref="EV36:FM38"/>
    <mergeCell ref="FN36:GO38"/>
    <mergeCell ref="GP36:HQ38"/>
    <mergeCell ref="DS28:EI29"/>
    <mergeCell ref="EM28:FE29"/>
    <mergeCell ref="FH28:FZ29"/>
    <mergeCell ref="GD28:GT29"/>
    <mergeCell ref="GY28:HO29"/>
    <mergeCell ref="S30:AD34"/>
    <mergeCell ref="FG30:GA31"/>
    <mergeCell ref="GB30:GV31"/>
    <mergeCell ref="GW30:HQ31"/>
    <mergeCell ref="CA32:CU34"/>
    <mergeCell ref="CV32:DP34"/>
    <mergeCell ref="B27:B31"/>
    <mergeCell ref="R27:R31"/>
    <mergeCell ref="S27:S29"/>
    <mergeCell ref="T27:AC29"/>
    <mergeCell ref="AD27:AD29"/>
    <mergeCell ref="AE27:AE29"/>
    <mergeCell ref="AF27:AO29"/>
    <mergeCell ref="AP27:AP29"/>
    <mergeCell ref="AQ27:AQ29"/>
    <mergeCell ref="C31:Q33"/>
    <mergeCell ref="BD30:BY34"/>
    <mergeCell ref="CA30:CU31"/>
    <mergeCell ref="AR27:BA29"/>
    <mergeCell ref="BB27:BB29"/>
    <mergeCell ref="BD27:BY29"/>
    <mergeCell ref="CC28:CS29"/>
    <mergeCell ref="CX28:DN29"/>
    <mergeCell ref="CV30:DP31"/>
    <mergeCell ref="CA26:FF27"/>
    <mergeCell ref="FJ22:FX24"/>
    <mergeCell ref="FY22:GB24"/>
    <mergeCell ref="GC22:GM24"/>
    <mergeCell ref="GN22:GQ24"/>
    <mergeCell ref="GR22:HF24"/>
    <mergeCell ref="HG22:HG24"/>
    <mergeCell ref="CD19:CD24"/>
    <mergeCell ref="CE19:EI24"/>
    <mergeCell ref="EJ19:EJ24"/>
    <mergeCell ref="S21:BM24"/>
    <mergeCell ref="EP22:FB24"/>
    <mergeCell ref="FF22:FI24"/>
    <mergeCell ref="EP16:FB19"/>
    <mergeCell ref="FF16:HE19"/>
    <mergeCell ref="HI16:HN19"/>
    <mergeCell ref="B19:B24"/>
    <mergeCell ref="C19:Q24"/>
    <mergeCell ref="R19:R24"/>
    <mergeCell ref="S19:BM20"/>
    <mergeCell ref="BQ19:BQ24"/>
    <mergeCell ref="BR19:CB24"/>
    <mergeCell ref="CC19:CC24"/>
    <mergeCell ref="CP14:CS18"/>
    <mergeCell ref="CT14:CW18"/>
    <mergeCell ref="CX14:DA18"/>
    <mergeCell ref="DB14:DE18"/>
    <mergeCell ref="DF14:DR18"/>
    <mergeCell ref="DS14:EJ18"/>
    <mergeCell ref="BB14:BI17"/>
    <mergeCell ref="BJ14:BM17"/>
    <mergeCell ref="BQ14:CC18"/>
    <mergeCell ref="CD14:CG18"/>
    <mergeCell ref="CH14:CK18"/>
    <mergeCell ref="CL14:CO18"/>
    <mergeCell ref="EP12:FB15"/>
    <mergeCell ref="FF12:HE15"/>
    <mergeCell ref="B14:B17"/>
    <mergeCell ref="C14:Q17"/>
    <mergeCell ref="R14:R17"/>
    <mergeCell ref="S14:Y17"/>
    <mergeCell ref="Z14:AK17"/>
    <mergeCell ref="AL14:AO17"/>
    <mergeCell ref="AP14:AW17"/>
    <mergeCell ref="AX14:BA17"/>
    <mergeCell ref="C8:BC11"/>
    <mergeCell ref="EP9:FB11"/>
    <mergeCell ref="FF9:HE11"/>
    <mergeCell ref="BF10:BM11"/>
    <mergeCell ref="GH5:GK8"/>
    <mergeCell ref="GL5:GO8"/>
    <mergeCell ref="GP5:GS8"/>
    <mergeCell ref="GT5:GW8"/>
    <mergeCell ref="GX5:HA8"/>
    <mergeCell ref="HB5:HE8"/>
    <mergeCell ref="HJ2:HQ4"/>
    <mergeCell ref="CI4:EJ8"/>
    <mergeCell ref="EN5:FC8"/>
    <mergeCell ref="FD5:FJ6"/>
    <mergeCell ref="FK5:FM6"/>
    <mergeCell ref="FN5:FQ8"/>
    <mergeCell ref="FR5:FU8"/>
    <mergeCell ref="FV5:FY8"/>
    <mergeCell ref="FZ5:GC8"/>
    <mergeCell ref="GD5:GG8"/>
    <mergeCell ref="EN2:FU4"/>
    <mergeCell ref="FV2:GC4"/>
    <mergeCell ref="GD2:GK4"/>
    <mergeCell ref="GL2:GS4"/>
    <mergeCell ref="GT2:HA4"/>
    <mergeCell ref="HB2:HI4"/>
    <mergeCell ref="HF5:HI8"/>
    <mergeCell ref="HJ5:HM8"/>
    <mergeCell ref="HN5:HQ8"/>
    <mergeCell ref="FD7:FJ8"/>
    <mergeCell ref="FK7:FM8"/>
  </mergeCells>
  <phoneticPr fontId="3"/>
  <dataValidations count="5">
    <dataValidation type="list" allowBlank="1" showInputMessage="1" showErrorMessage="1" sqref="WRH983083 OR39 YN39 AIJ39 ASF39 BCB39 BLX39 BVT39 CFP39 CPL39 CZH39 DJD39 DSZ39 ECV39 EMR39 EWN39 FGJ39 FQF39 GAB39 GJX39 GTT39 HDP39 HNL39 HXH39 IHD39 IQZ39 JAV39 JKR39 JUN39 KEJ39 KOF39 KYB39 LHX39 LRT39 MBP39 MLL39 MVH39 NFD39 NOZ39 NYV39 OIR39 OSN39 PCJ39 PMF39 PWB39 QFX39 QPT39 QZP39 RJL39 RTH39 SDD39 SMZ39 SWV39 TGR39 TQN39 UAJ39 UKF39 UUB39 VDX39 VNT39 VXP39 WHL39 WRH39 XBD39 EV65575 OR65575 YN65575 AIJ65575 ASF65575 BCB65575 BLX65575 BVT65575 CFP65575 CPL65575 CZH65575 DJD65575 DSZ65575 ECV65575 EMR65575 EWN65575 FGJ65575 FQF65575 GAB65575 GJX65575 GTT65575 HDP65575 HNL65575 HXH65575 IHD65575 IQZ65575 JAV65575 JKR65575 JUN65575 KEJ65575 KOF65575 KYB65575 LHX65575 LRT65575 MBP65575 MLL65575 MVH65575 NFD65575 NOZ65575 NYV65575 OIR65575 OSN65575 PCJ65575 PMF65575 PWB65575 QFX65575 QPT65575 QZP65575 RJL65575 RTH65575 SDD65575 SMZ65575 SWV65575 TGR65575 TQN65575 UAJ65575 UKF65575 UUB65575 VDX65575 VNT65575 VXP65575 WHL65575 WRH65575 XBD65575 EV131111 OR131111 YN131111 AIJ131111 ASF131111 BCB131111 BLX131111 BVT131111 CFP131111 CPL131111 CZH131111 DJD131111 DSZ131111 ECV131111 EMR131111 EWN131111 FGJ131111 FQF131111 GAB131111 GJX131111 GTT131111 HDP131111 HNL131111 HXH131111 IHD131111 IQZ131111 JAV131111 JKR131111 JUN131111 KEJ131111 KOF131111 KYB131111 LHX131111 LRT131111 MBP131111 MLL131111 MVH131111 NFD131111 NOZ131111 NYV131111 OIR131111 OSN131111 PCJ131111 PMF131111 PWB131111 QFX131111 QPT131111 QZP131111 RJL131111 RTH131111 SDD131111 SMZ131111 SWV131111 TGR131111 TQN131111 UAJ131111 UKF131111 UUB131111 VDX131111 VNT131111 VXP131111 WHL131111 WRH131111 XBD131111 EV196647 OR196647 YN196647 AIJ196647 ASF196647 BCB196647 BLX196647 BVT196647 CFP196647 CPL196647 CZH196647 DJD196647 DSZ196647 ECV196647 EMR196647 EWN196647 FGJ196647 FQF196647 GAB196647 GJX196647 GTT196647 HDP196647 HNL196647 HXH196647 IHD196647 IQZ196647 JAV196647 JKR196647 JUN196647 KEJ196647 KOF196647 KYB196647 LHX196647 LRT196647 MBP196647 MLL196647 MVH196647 NFD196647 NOZ196647 NYV196647 OIR196647 OSN196647 PCJ196647 PMF196647 PWB196647 QFX196647 QPT196647 QZP196647 RJL196647 RTH196647 SDD196647 SMZ196647 SWV196647 TGR196647 TQN196647 UAJ196647 UKF196647 UUB196647 VDX196647 VNT196647 VXP196647 WHL196647 WRH196647 XBD196647 EV262183 OR262183 YN262183 AIJ262183 ASF262183 BCB262183 BLX262183 BVT262183 CFP262183 CPL262183 CZH262183 DJD262183 DSZ262183 ECV262183 EMR262183 EWN262183 FGJ262183 FQF262183 GAB262183 GJX262183 GTT262183 HDP262183 HNL262183 HXH262183 IHD262183 IQZ262183 JAV262183 JKR262183 JUN262183 KEJ262183 KOF262183 KYB262183 LHX262183 LRT262183 MBP262183 MLL262183 MVH262183 NFD262183 NOZ262183 NYV262183 OIR262183 OSN262183 PCJ262183 PMF262183 PWB262183 QFX262183 QPT262183 QZP262183 RJL262183 RTH262183 SDD262183 SMZ262183 SWV262183 TGR262183 TQN262183 UAJ262183 UKF262183 UUB262183 VDX262183 VNT262183 VXP262183 WHL262183 WRH262183 XBD262183 EV327719 OR327719 YN327719 AIJ327719 ASF327719 BCB327719 BLX327719 BVT327719 CFP327719 CPL327719 CZH327719 DJD327719 DSZ327719 ECV327719 EMR327719 EWN327719 FGJ327719 FQF327719 GAB327719 GJX327719 GTT327719 HDP327719 HNL327719 HXH327719 IHD327719 IQZ327719 JAV327719 JKR327719 JUN327719 KEJ327719 KOF327719 KYB327719 LHX327719 LRT327719 MBP327719 MLL327719 MVH327719 NFD327719 NOZ327719 NYV327719 OIR327719 OSN327719 PCJ327719 PMF327719 PWB327719 QFX327719 QPT327719 QZP327719 RJL327719 RTH327719 SDD327719 SMZ327719 SWV327719 TGR327719 TQN327719 UAJ327719 UKF327719 UUB327719 VDX327719 VNT327719 VXP327719 WHL327719 WRH327719 XBD327719 EV393255 OR393255 YN393255 AIJ393255 ASF393255 BCB393255 BLX393255 BVT393255 CFP393255 CPL393255 CZH393255 DJD393255 DSZ393255 ECV393255 EMR393255 EWN393255 FGJ393255 FQF393255 GAB393255 GJX393255 GTT393255 HDP393255 HNL393255 HXH393255 IHD393255 IQZ393255 JAV393255 JKR393255 JUN393255 KEJ393255 KOF393255 KYB393255 LHX393255 LRT393255 MBP393255 MLL393255 MVH393255 NFD393255 NOZ393255 NYV393255 OIR393255 OSN393255 PCJ393255 PMF393255 PWB393255 QFX393255 QPT393255 QZP393255 RJL393255 RTH393255 SDD393255 SMZ393255 SWV393255 TGR393255 TQN393255 UAJ393255 UKF393255 UUB393255 VDX393255 VNT393255 VXP393255 WHL393255 WRH393255 XBD393255 EV458791 OR458791 YN458791 AIJ458791 ASF458791 BCB458791 BLX458791 BVT458791 CFP458791 CPL458791 CZH458791 DJD458791 DSZ458791 ECV458791 EMR458791 EWN458791 FGJ458791 FQF458791 GAB458791 GJX458791 GTT458791 HDP458791 HNL458791 HXH458791 IHD458791 IQZ458791 JAV458791 JKR458791 JUN458791 KEJ458791 KOF458791 KYB458791 LHX458791 LRT458791 MBP458791 MLL458791 MVH458791 NFD458791 NOZ458791 NYV458791 OIR458791 OSN458791 PCJ458791 PMF458791 PWB458791 QFX458791 QPT458791 QZP458791 RJL458791 RTH458791 SDD458791 SMZ458791 SWV458791 TGR458791 TQN458791 UAJ458791 UKF458791 UUB458791 VDX458791 VNT458791 VXP458791 WHL458791 WRH458791 XBD458791 EV524327 OR524327 YN524327 AIJ524327 ASF524327 BCB524327 BLX524327 BVT524327 CFP524327 CPL524327 CZH524327 DJD524327 DSZ524327 ECV524327 EMR524327 EWN524327 FGJ524327 FQF524327 GAB524327 GJX524327 GTT524327 HDP524327 HNL524327 HXH524327 IHD524327 IQZ524327 JAV524327 JKR524327 JUN524327 KEJ524327 KOF524327 KYB524327 LHX524327 LRT524327 MBP524327 MLL524327 MVH524327 NFD524327 NOZ524327 NYV524327 OIR524327 OSN524327 PCJ524327 PMF524327 PWB524327 QFX524327 QPT524327 QZP524327 RJL524327 RTH524327 SDD524327 SMZ524327 SWV524327 TGR524327 TQN524327 UAJ524327 UKF524327 UUB524327 VDX524327 VNT524327 VXP524327 WHL524327 WRH524327 XBD524327 EV589863 OR589863 YN589863 AIJ589863 ASF589863 BCB589863 BLX589863 BVT589863 CFP589863 CPL589863 CZH589863 DJD589863 DSZ589863 ECV589863 EMR589863 EWN589863 FGJ589863 FQF589863 GAB589863 GJX589863 GTT589863 HDP589863 HNL589863 HXH589863 IHD589863 IQZ589863 JAV589863 JKR589863 JUN589863 KEJ589863 KOF589863 KYB589863 LHX589863 LRT589863 MBP589863 MLL589863 MVH589863 NFD589863 NOZ589863 NYV589863 OIR589863 OSN589863 PCJ589863 PMF589863 PWB589863 QFX589863 QPT589863 QZP589863 RJL589863 RTH589863 SDD589863 SMZ589863 SWV589863 TGR589863 TQN589863 UAJ589863 UKF589863 UUB589863 VDX589863 VNT589863 VXP589863 WHL589863 WRH589863 XBD589863 EV655399 OR655399 YN655399 AIJ655399 ASF655399 BCB655399 BLX655399 BVT655399 CFP655399 CPL655399 CZH655399 DJD655399 DSZ655399 ECV655399 EMR655399 EWN655399 FGJ655399 FQF655399 GAB655399 GJX655399 GTT655399 HDP655399 HNL655399 HXH655399 IHD655399 IQZ655399 JAV655399 JKR655399 JUN655399 KEJ655399 KOF655399 KYB655399 LHX655399 LRT655399 MBP655399 MLL655399 MVH655399 NFD655399 NOZ655399 NYV655399 OIR655399 OSN655399 PCJ655399 PMF655399 PWB655399 QFX655399 QPT655399 QZP655399 RJL655399 RTH655399 SDD655399 SMZ655399 SWV655399 TGR655399 TQN655399 UAJ655399 UKF655399 UUB655399 VDX655399 VNT655399 VXP655399 WHL655399 WRH655399 XBD655399 EV720935 OR720935 YN720935 AIJ720935 ASF720935 BCB720935 BLX720935 BVT720935 CFP720935 CPL720935 CZH720935 DJD720935 DSZ720935 ECV720935 EMR720935 EWN720935 FGJ720935 FQF720935 GAB720935 GJX720935 GTT720935 HDP720935 HNL720935 HXH720935 IHD720935 IQZ720935 JAV720935 JKR720935 JUN720935 KEJ720935 KOF720935 KYB720935 LHX720935 LRT720935 MBP720935 MLL720935 MVH720935 NFD720935 NOZ720935 NYV720935 OIR720935 OSN720935 PCJ720935 PMF720935 PWB720935 QFX720935 QPT720935 QZP720935 RJL720935 RTH720935 SDD720935 SMZ720935 SWV720935 TGR720935 TQN720935 UAJ720935 UKF720935 UUB720935 VDX720935 VNT720935 VXP720935 WHL720935 WRH720935 XBD720935 EV786471 OR786471 YN786471 AIJ786471 ASF786471 BCB786471 BLX786471 BVT786471 CFP786471 CPL786471 CZH786471 DJD786471 DSZ786471 ECV786471 EMR786471 EWN786471 FGJ786471 FQF786471 GAB786471 GJX786471 GTT786471 HDP786471 HNL786471 HXH786471 IHD786471 IQZ786471 JAV786471 JKR786471 JUN786471 KEJ786471 KOF786471 KYB786471 LHX786471 LRT786471 MBP786471 MLL786471 MVH786471 NFD786471 NOZ786471 NYV786471 OIR786471 OSN786471 PCJ786471 PMF786471 PWB786471 QFX786471 QPT786471 QZP786471 RJL786471 RTH786471 SDD786471 SMZ786471 SWV786471 TGR786471 TQN786471 UAJ786471 UKF786471 UUB786471 VDX786471 VNT786471 VXP786471 WHL786471 WRH786471 XBD786471 EV852007 OR852007 YN852007 AIJ852007 ASF852007 BCB852007 BLX852007 BVT852007 CFP852007 CPL852007 CZH852007 DJD852007 DSZ852007 ECV852007 EMR852007 EWN852007 FGJ852007 FQF852007 GAB852007 GJX852007 GTT852007 HDP852007 HNL852007 HXH852007 IHD852007 IQZ852007 JAV852007 JKR852007 JUN852007 KEJ852007 KOF852007 KYB852007 LHX852007 LRT852007 MBP852007 MLL852007 MVH852007 NFD852007 NOZ852007 NYV852007 OIR852007 OSN852007 PCJ852007 PMF852007 PWB852007 QFX852007 QPT852007 QZP852007 RJL852007 RTH852007 SDD852007 SMZ852007 SWV852007 TGR852007 TQN852007 UAJ852007 UKF852007 UUB852007 VDX852007 VNT852007 VXP852007 WHL852007 WRH852007 XBD852007 EV917543 OR917543 YN917543 AIJ917543 ASF917543 BCB917543 BLX917543 BVT917543 CFP917543 CPL917543 CZH917543 DJD917543 DSZ917543 ECV917543 EMR917543 EWN917543 FGJ917543 FQF917543 GAB917543 GJX917543 GTT917543 HDP917543 HNL917543 HXH917543 IHD917543 IQZ917543 JAV917543 JKR917543 JUN917543 KEJ917543 KOF917543 KYB917543 LHX917543 LRT917543 MBP917543 MLL917543 MVH917543 NFD917543 NOZ917543 NYV917543 OIR917543 OSN917543 PCJ917543 PMF917543 PWB917543 QFX917543 QPT917543 QZP917543 RJL917543 RTH917543 SDD917543 SMZ917543 SWV917543 TGR917543 TQN917543 UAJ917543 UKF917543 UUB917543 VDX917543 VNT917543 VXP917543 WHL917543 WRH917543 XBD917543 EV983079 OR983079 YN983079 AIJ983079 ASF983079 BCB983079 BLX983079 BVT983079 CFP983079 CPL983079 CZH983079 DJD983079 DSZ983079 ECV983079 EMR983079 EWN983079 FGJ983079 FQF983079 GAB983079 GJX983079 GTT983079 HDP983079 HNL983079 HXH983079 IHD983079 IQZ983079 JAV983079 JKR983079 JUN983079 KEJ983079 KOF983079 KYB983079 LHX983079 LRT983079 MBP983079 MLL983079 MVH983079 NFD983079 NOZ983079 NYV983079 OIR983079 OSN983079 PCJ983079 PMF983079 PWB983079 QFX983079 QPT983079 QZP983079 RJL983079 RTH983079 SDD983079 SMZ983079 SWV983079 TGR983079 TQN983079 UAJ983079 UKF983079 UUB983079 VDX983079 VNT983079 VXP983079 WHL983079 WRH983079 XBD983079 XBD983083 OR43 YN43 AIJ43 ASF43 BCB43 BLX43 BVT43 CFP43 CPL43 CZH43 DJD43 DSZ43 ECV43 EMR43 EWN43 FGJ43 FQF43 GAB43 GJX43 GTT43 HDP43 HNL43 HXH43 IHD43 IQZ43 JAV43 JKR43 JUN43 KEJ43 KOF43 KYB43 LHX43 LRT43 MBP43 MLL43 MVH43 NFD43 NOZ43 NYV43 OIR43 OSN43 PCJ43 PMF43 PWB43 QFX43 QPT43 QZP43 RJL43 RTH43 SDD43 SMZ43 SWV43 TGR43 TQN43 UAJ43 UKF43 UUB43 VDX43 VNT43 VXP43 WHL43 WRH43 XBD43 EV65579 OR65579 YN65579 AIJ65579 ASF65579 BCB65579 BLX65579 BVT65579 CFP65579 CPL65579 CZH65579 DJD65579 DSZ65579 ECV65579 EMR65579 EWN65579 FGJ65579 FQF65579 GAB65579 GJX65579 GTT65579 HDP65579 HNL65579 HXH65579 IHD65579 IQZ65579 JAV65579 JKR65579 JUN65579 KEJ65579 KOF65579 KYB65579 LHX65579 LRT65579 MBP65579 MLL65579 MVH65579 NFD65579 NOZ65579 NYV65579 OIR65579 OSN65579 PCJ65579 PMF65579 PWB65579 QFX65579 QPT65579 QZP65579 RJL65579 RTH65579 SDD65579 SMZ65579 SWV65579 TGR65579 TQN65579 UAJ65579 UKF65579 UUB65579 VDX65579 VNT65579 VXP65579 WHL65579 WRH65579 XBD65579 EV131115 OR131115 YN131115 AIJ131115 ASF131115 BCB131115 BLX131115 BVT131115 CFP131115 CPL131115 CZH131115 DJD131115 DSZ131115 ECV131115 EMR131115 EWN131115 FGJ131115 FQF131115 GAB131115 GJX131115 GTT131115 HDP131115 HNL131115 HXH131115 IHD131115 IQZ131115 JAV131115 JKR131115 JUN131115 KEJ131115 KOF131115 KYB131115 LHX131115 LRT131115 MBP131115 MLL131115 MVH131115 NFD131115 NOZ131115 NYV131115 OIR131115 OSN131115 PCJ131115 PMF131115 PWB131115 QFX131115 QPT131115 QZP131115 RJL131115 RTH131115 SDD131115 SMZ131115 SWV131115 TGR131115 TQN131115 UAJ131115 UKF131115 UUB131115 VDX131115 VNT131115 VXP131115 WHL131115 WRH131115 XBD131115 EV196651 OR196651 YN196651 AIJ196651 ASF196651 BCB196651 BLX196651 BVT196651 CFP196651 CPL196651 CZH196651 DJD196651 DSZ196651 ECV196651 EMR196651 EWN196651 FGJ196651 FQF196651 GAB196651 GJX196651 GTT196651 HDP196651 HNL196651 HXH196651 IHD196651 IQZ196651 JAV196651 JKR196651 JUN196651 KEJ196651 KOF196651 KYB196651 LHX196651 LRT196651 MBP196651 MLL196651 MVH196651 NFD196651 NOZ196651 NYV196651 OIR196651 OSN196651 PCJ196651 PMF196651 PWB196651 QFX196651 QPT196651 QZP196651 RJL196651 RTH196651 SDD196651 SMZ196651 SWV196651 TGR196651 TQN196651 UAJ196651 UKF196651 UUB196651 VDX196651 VNT196651 VXP196651 WHL196651 WRH196651 XBD196651 EV262187 OR262187 YN262187 AIJ262187 ASF262187 BCB262187 BLX262187 BVT262187 CFP262187 CPL262187 CZH262187 DJD262187 DSZ262187 ECV262187 EMR262187 EWN262187 FGJ262187 FQF262187 GAB262187 GJX262187 GTT262187 HDP262187 HNL262187 HXH262187 IHD262187 IQZ262187 JAV262187 JKR262187 JUN262187 KEJ262187 KOF262187 KYB262187 LHX262187 LRT262187 MBP262187 MLL262187 MVH262187 NFD262187 NOZ262187 NYV262187 OIR262187 OSN262187 PCJ262187 PMF262187 PWB262187 QFX262187 QPT262187 QZP262187 RJL262187 RTH262187 SDD262187 SMZ262187 SWV262187 TGR262187 TQN262187 UAJ262187 UKF262187 UUB262187 VDX262187 VNT262187 VXP262187 WHL262187 WRH262187 XBD262187 EV327723 OR327723 YN327723 AIJ327723 ASF327723 BCB327723 BLX327723 BVT327723 CFP327723 CPL327723 CZH327723 DJD327723 DSZ327723 ECV327723 EMR327723 EWN327723 FGJ327723 FQF327723 GAB327723 GJX327723 GTT327723 HDP327723 HNL327723 HXH327723 IHD327723 IQZ327723 JAV327723 JKR327723 JUN327723 KEJ327723 KOF327723 KYB327723 LHX327723 LRT327723 MBP327723 MLL327723 MVH327723 NFD327723 NOZ327723 NYV327723 OIR327723 OSN327723 PCJ327723 PMF327723 PWB327723 QFX327723 QPT327723 QZP327723 RJL327723 RTH327723 SDD327723 SMZ327723 SWV327723 TGR327723 TQN327723 UAJ327723 UKF327723 UUB327723 VDX327723 VNT327723 VXP327723 WHL327723 WRH327723 XBD327723 EV393259 OR393259 YN393259 AIJ393259 ASF393259 BCB393259 BLX393259 BVT393259 CFP393259 CPL393259 CZH393259 DJD393259 DSZ393259 ECV393259 EMR393259 EWN393259 FGJ393259 FQF393259 GAB393259 GJX393259 GTT393259 HDP393259 HNL393259 HXH393259 IHD393259 IQZ393259 JAV393259 JKR393259 JUN393259 KEJ393259 KOF393259 KYB393259 LHX393259 LRT393259 MBP393259 MLL393259 MVH393259 NFD393259 NOZ393259 NYV393259 OIR393259 OSN393259 PCJ393259 PMF393259 PWB393259 QFX393259 QPT393259 QZP393259 RJL393259 RTH393259 SDD393259 SMZ393259 SWV393259 TGR393259 TQN393259 UAJ393259 UKF393259 UUB393259 VDX393259 VNT393259 VXP393259 WHL393259 WRH393259 XBD393259 EV458795 OR458795 YN458795 AIJ458795 ASF458795 BCB458795 BLX458795 BVT458795 CFP458795 CPL458795 CZH458795 DJD458795 DSZ458795 ECV458795 EMR458795 EWN458795 FGJ458795 FQF458795 GAB458795 GJX458795 GTT458795 HDP458795 HNL458795 HXH458795 IHD458795 IQZ458795 JAV458795 JKR458795 JUN458795 KEJ458795 KOF458795 KYB458795 LHX458795 LRT458795 MBP458795 MLL458795 MVH458795 NFD458795 NOZ458795 NYV458795 OIR458795 OSN458795 PCJ458795 PMF458795 PWB458795 QFX458795 QPT458795 QZP458795 RJL458795 RTH458795 SDD458795 SMZ458795 SWV458795 TGR458795 TQN458795 UAJ458795 UKF458795 UUB458795 VDX458795 VNT458795 VXP458795 WHL458795 WRH458795 XBD458795 EV524331 OR524331 YN524331 AIJ524331 ASF524331 BCB524331 BLX524331 BVT524331 CFP524331 CPL524331 CZH524331 DJD524331 DSZ524331 ECV524331 EMR524331 EWN524331 FGJ524331 FQF524331 GAB524331 GJX524331 GTT524331 HDP524331 HNL524331 HXH524331 IHD524331 IQZ524331 JAV524331 JKR524331 JUN524331 KEJ524331 KOF524331 KYB524331 LHX524331 LRT524331 MBP524331 MLL524331 MVH524331 NFD524331 NOZ524331 NYV524331 OIR524331 OSN524331 PCJ524331 PMF524331 PWB524331 QFX524331 QPT524331 QZP524331 RJL524331 RTH524331 SDD524331 SMZ524331 SWV524331 TGR524331 TQN524331 UAJ524331 UKF524331 UUB524331 VDX524331 VNT524331 VXP524331 WHL524331 WRH524331 XBD524331 EV589867 OR589867 YN589867 AIJ589867 ASF589867 BCB589867 BLX589867 BVT589867 CFP589867 CPL589867 CZH589867 DJD589867 DSZ589867 ECV589867 EMR589867 EWN589867 FGJ589867 FQF589867 GAB589867 GJX589867 GTT589867 HDP589867 HNL589867 HXH589867 IHD589867 IQZ589867 JAV589867 JKR589867 JUN589867 KEJ589867 KOF589867 KYB589867 LHX589867 LRT589867 MBP589867 MLL589867 MVH589867 NFD589867 NOZ589867 NYV589867 OIR589867 OSN589867 PCJ589867 PMF589867 PWB589867 QFX589867 QPT589867 QZP589867 RJL589867 RTH589867 SDD589867 SMZ589867 SWV589867 TGR589867 TQN589867 UAJ589867 UKF589867 UUB589867 VDX589867 VNT589867 VXP589867 WHL589867 WRH589867 XBD589867 EV655403 OR655403 YN655403 AIJ655403 ASF655403 BCB655403 BLX655403 BVT655403 CFP655403 CPL655403 CZH655403 DJD655403 DSZ655403 ECV655403 EMR655403 EWN655403 FGJ655403 FQF655403 GAB655403 GJX655403 GTT655403 HDP655403 HNL655403 HXH655403 IHD655403 IQZ655403 JAV655403 JKR655403 JUN655403 KEJ655403 KOF655403 KYB655403 LHX655403 LRT655403 MBP655403 MLL655403 MVH655403 NFD655403 NOZ655403 NYV655403 OIR655403 OSN655403 PCJ655403 PMF655403 PWB655403 QFX655403 QPT655403 QZP655403 RJL655403 RTH655403 SDD655403 SMZ655403 SWV655403 TGR655403 TQN655403 UAJ655403 UKF655403 UUB655403 VDX655403 VNT655403 VXP655403 WHL655403 WRH655403 XBD655403 EV720939 OR720939 YN720939 AIJ720939 ASF720939 BCB720939 BLX720939 BVT720939 CFP720939 CPL720939 CZH720939 DJD720939 DSZ720939 ECV720939 EMR720939 EWN720939 FGJ720939 FQF720939 GAB720939 GJX720939 GTT720939 HDP720939 HNL720939 HXH720939 IHD720939 IQZ720939 JAV720939 JKR720939 JUN720939 KEJ720939 KOF720939 KYB720939 LHX720939 LRT720939 MBP720939 MLL720939 MVH720939 NFD720939 NOZ720939 NYV720939 OIR720939 OSN720939 PCJ720939 PMF720939 PWB720939 QFX720939 QPT720939 QZP720939 RJL720939 RTH720939 SDD720939 SMZ720939 SWV720939 TGR720939 TQN720939 UAJ720939 UKF720939 UUB720939 VDX720939 VNT720939 VXP720939 WHL720939 WRH720939 XBD720939 EV786475 OR786475 YN786475 AIJ786475 ASF786475 BCB786475 BLX786475 BVT786475 CFP786475 CPL786475 CZH786475 DJD786475 DSZ786475 ECV786475 EMR786475 EWN786475 FGJ786475 FQF786475 GAB786475 GJX786475 GTT786475 HDP786475 HNL786475 HXH786475 IHD786475 IQZ786475 JAV786475 JKR786475 JUN786475 KEJ786475 KOF786475 KYB786475 LHX786475 LRT786475 MBP786475 MLL786475 MVH786475 NFD786475 NOZ786475 NYV786475 OIR786475 OSN786475 PCJ786475 PMF786475 PWB786475 QFX786475 QPT786475 QZP786475 RJL786475 RTH786475 SDD786475 SMZ786475 SWV786475 TGR786475 TQN786475 UAJ786475 UKF786475 UUB786475 VDX786475 VNT786475 VXP786475 WHL786475 WRH786475 XBD786475 EV852011 OR852011 YN852011 AIJ852011 ASF852011 BCB852011 BLX852011 BVT852011 CFP852011 CPL852011 CZH852011 DJD852011 DSZ852011 ECV852011 EMR852011 EWN852011 FGJ852011 FQF852011 GAB852011 GJX852011 GTT852011 HDP852011 HNL852011 HXH852011 IHD852011 IQZ852011 JAV852011 JKR852011 JUN852011 KEJ852011 KOF852011 KYB852011 LHX852011 LRT852011 MBP852011 MLL852011 MVH852011 NFD852011 NOZ852011 NYV852011 OIR852011 OSN852011 PCJ852011 PMF852011 PWB852011 QFX852011 QPT852011 QZP852011 RJL852011 RTH852011 SDD852011 SMZ852011 SWV852011 TGR852011 TQN852011 UAJ852011 UKF852011 UUB852011 VDX852011 VNT852011 VXP852011 WHL852011 WRH852011 XBD852011 EV917547 OR917547 YN917547 AIJ917547 ASF917547 BCB917547 BLX917547 BVT917547 CFP917547 CPL917547 CZH917547 DJD917547 DSZ917547 ECV917547 EMR917547 EWN917547 FGJ917547 FQF917547 GAB917547 GJX917547 GTT917547 HDP917547 HNL917547 HXH917547 IHD917547 IQZ917547 JAV917547 JKR917547 JUN917547 KEJ917547 KOF917547 KYB917547 LHX917547 LRT917547 MBP917547 MLL917547 MVH917547 NFD917547 NOZ917547 NYV917547 OIR917547 OSN917547 PCJ917547 PMF917547 PWB917547 QFX917547 QPT917547 QZP917547 RJL917547 RTH917547 SDD917547 SMZ917547 SWV917547 TGR917547 TQN917547 UAJ917547 UKF917547 UUB917547 VDX917547 VNT917547 VXP917547 WHL917547 WRH917547 XBD917547 EV983083 OR983083 YN983083 AIJ983083 ASF983083 BCB983083 BLX983083 BVT983083 CFP983083 CPL983083 CZH983083 DJD983083 DSZ983083 ECV983083 EMR983083 EWN983083 FGJ983083 FQF983083 GAB983083 GJX983083 GTT983083 HDP983083 HNL983083 HXH983083 IHD983083 IQZ983083 JAV983083 JKR983083 JUN983083 KEJ983083 KOF983083 KYB983083 LHX983083 LRT983083 MBP983083 MLL983083 MVH983083 NFD983083 NOZ983083 NYV983083 OIR983083 OSN983083 PCJ983083 PMF983083 PWB983083 QFX983083 QPT983083 QZP983083 RJL983083 RTH983083 SDD983083 SMZ983083 SWV983083 TGR983083 TQN983083 UAJ983083 UKF983083 UUB983083 VDX983083 VNT983083 VXP983083 WHL983083" xr:uid="{AE9B36B9-0BB8-4D17-8A43-2D2747D29B19}">
      <formula1>"経過措置適用,非適用"</formula1>
    </dataValidation>
    <dataValidation type="list" allowBlank="1" showInputMessage="1" showErrorMessage="1" sqref="WWK983131:WWN983132 JY91:KB92 TU91:TX92 ADQ91:ADT92 ANM91:ANP92 AXI91:AXL92 BHE91:BHH92 BRA91:BRD92 CAW91:CAZ92 CKS91:CKV92 CUO91:CUR92 DEK91:DEN92 DOG91:DOJ92 DYC91:DYF92 EHY91:EIB92 ERU91:ERX92 FBQ91:FBT92 FLM91:FLP92 FVI91:FVL92 GFE91:GFH92 GPA91:GPD92 GYW91:GYZ92 HIS91:HIV92 HSO91:HSR92 ICK91:ICN92 IMG91:IMJ92 IWC91:IWF92 JFY91:JGB92 JPU91:JPX92 JZQ91:JZT92 KJM91:KJP92 KTI91:KTL92 LDE91:LDH92 LNA91:LND92 LWW91:LWZ92 MGS91:MGV92 MQO91:MQR92 NAK91:NAN92 NKG91:NKJ92 NUC91:NUF92 ODY91:OEB92 ONU91:ONX92 OXQ91:OXT92 PHM91:PHP92 PRI91:PRL92 QBE91:QBH92 QLA91:QLD92 QUW91:QUZ92 RES91:REV92 ROO91:ROR92 RYK91:RYN92 SIG91:SIJ92 SSC91:SSF92 TBY91:TCB92 TLU91:TLX92 TVQ91:TVT92 UFM91:UFP92 UPI91:UPL92 UZE91:UZH92 VJA91:VJD92 VSW91:VSZ92 WCS91:WCV92 WMO91:WMR92 WWK91:WWN92 AC65627:AF65628 JY65627:KB65628 TU65627:TX65628 ADQ65627:ADT65628 ANM65627:ANP65628 AXI65627:AXL65628 BHE65627:BHH65628 BRA65627:BRD65628 CAW65627:CAZ65628 CKS65627:CKV65628 CUO65627:CUR65628 DEK65627:DEN65628 DOG65627:DOJ65628 DYC65627:DYF65628 EHY65627:EIB65628 ERU65627:ERX65628 FBQ65627:FBT65628 FLM65627:FLP65628 FVI65627:FVL65628 GFE65627:GFH65628 GPA65627:GPD65628 GYW65627:GYZ65628 HIS65627:HIV65628 HSO65627:HSR65628 ICK65627:ICN65628 IMG65627:IMJ65628 IWC65627:IWF65628 JFY65627:JGB65628 JPU65627:JPX65628 JZQ65627:JZT65628 KJM65627:KJP65628 KTI65627:KTL65628 LDE65627:LDH65628 LNA65627:LND65628 LWW65627:LWZ65628 MGS65627:MGV65628 MQO65627:MQR65628 NAK65627:NAN65628 NKG65627:NKJ65628 NUC65627:NUF65628 ODY65627:OEB65628 ONU65627:ONX65628 OXQ65627:OXT65628 PHM65627:PHP65628 PRI65627:PRL65628 QBE65627:QBH65628 QLA65627:QLD65628 QUW65627:QUZ65628 RES65627:REV65628 ROO65627:ROR65628 RYK65627:RYN65628 SIG65627:SIJ65628 SSC65627:SSF65628 TBY65627:TCB65628 TLU65627:TLX65628 TVQ65627:TVT65628 UFM65627:UFP65628 UPI65627:UPL65628 UZE65627:UZH65628 VJA65627:VJD65628 VSW65627:VSZ65628 WCS65627:WCV65628 WMO65627:WMR65628 WWK65627:WWN65628 AC131163:AF131164 JY131163:KB131164 TU131163:TX131164 ADQ131163:ADT131164 ANM131163:ANP131164 AXI131163:AXL131164 BHE131163:BHH131164 BRA131163:BRD131164 CAW131163:CAZ131164 CKS131163:CKV131164 CUO131163:CUR131164 DEK131163:DEN131164 DOG131163:DOJ131164 DYC131163:DYF131164 EHY131163:EIB131164 ERU131163:ERX131164 FBQ131163:FBT131164 FLM131163:FLP131164 FVI131163:FVL131164 GFE131163:GFH131164 GPA131163:GPD131164 GYW131163:GYZ131164 HIS131163:HIV131164 HSO131163:HSR131164 ICK131163:ICN131164 IMG131163:IMJ131164 IWC131163:IWF131164 JFY131163:JGB131164 JPU131163:JPX131164 JZQ131163:JZT131164 KJM131163:KJP131164 KTI131163:KTL131164 LDE131163:LDH131164 LNA131163:LND131164 LWW131163:LWZ131164 MGS131163:MGV131164 MQO131163:MQR131164 NAK131163:NAN131164 NKG131163:NKJ131164 NUC131163:NUF131164 ODY131163:OEB131164 ONU131163:ONX131164 OXQ131163:OXT131164 PHM131163:PHP131164 PRI131163:PRL131164 QBE131163:QBH131164 QLA131163:QLD131164 QUW131163:QUZ131164 RES131163:REV131164 ROO131163:ROR131164 RYK131163:RYN131164 SIG131163:SIJ131164 SSC131163:SSF131164 TBY131163:TCB131164 TLU131163:TLX131164 TVQ131163:TVT131164 UFM131163:UFP131164 UPI131163:UPL131164 UZE131163:UZH131164 VJA131163:VJD131164 VSW131163:VSZ131164 WCS131163:WCV131164 WMO131163:WMR131164 WWK131163:WWN131164 AC196699:AF196700 JY196699:KB196700 TU196699:TX196700 ADQ196699:ADT196700 ANM196699:ANP196700 AXI196699:AXL196700 BHE196699:BHH196700 BRA196699:BRD196700 CAW196699:CAZ196700 CKS196699:CKV196700 CUO196699:CUR196700 DEK196699:DEN196700 DOG196699:DOJ196700 DYC196699:DYF196700 EHY196699:EIB196700 ERU196699:ERX196700 FBQ196699:FBT196700 FLM196699:FLP196700 FVI196699:FVL196700 GFE196699:GFH196700 GPA196699:GPD196700 GYW196699:GYZ196700 HIS196699:HIV196700 HSO196699:HSR196700 ICK196699:ICN196700 IMG196699:IMJ196700 IWC196699:IWF196700 JFY196699:JGB196700 JPU196699:JPX196700 JZQ196699:JZT196700 KJM196699:KJP196700 KTI196699:KTL196700 LDE196699:LDH196700 LNA196699:LND196700 LWW196699:LWZ196700 MGS196699:MGV196700 MQO196699:MQR196700 NAK196699:NAN196700 NKG196699:NKJ196700 NUC196699:NUF196700 ODY196699:OEB196700 ONU196699:ONX196700 OXQ196699:OXT196700 PHM196699:PHP196700 PRI196699:PRL196700 QBE196699:QBH196700 QLA196699:QLD196700 QUW196699:QUZ196700 RES196699:REV196700 ROO196699:ROR196700 RYK196699:RYN196700 SIG196699:SIJ196700 SSC196699:SSF196700 TBY196699:TCB196700 TLU196699:TLX196700 TVQ196699:TVT196700 UFM196699:UFP196700 UPI196699:UPL196700 UZE196699:UZH196700 VJA196699:VJD196700 VSW196699:VSZ196700 WCS196699:WCV196700 WMO196699:WMR196700 WWK196699:WWN196700 AC262235:AF262236 JY262235:KB262236 TU262235:TX262236 ADQ262235:ADT262236 ANM262235:ANP262236 AXI262235:AXL262236 BHE262235:BHH262236 BRA262235:BRD262236 CAW262235:CAZ262236 CKS262235:CKV262236 CUO262235:CUR262236 DEK262235:DEN262236 DOG262235:DOJ262236 DYC262235:DYF262236 EHY262235:EIB262236 ERU262235:ERX262236 FBQ262235:FBT262236 FLM262235:FLP262236 FVI262235:FVL262236 GFE262235:GFH262236 GPA262235:GPD262236 GYW262235:GYZ262236 HIS262235:HIV262236 HSO262235:HSR262236 ICK262235:ICN262236 IMG262235:IMJ262236 IWC262235:IWF262236 JFY262235:JGB262236 JPU262235:JPX262236 JZQ262235:JZT262236 KJM262235:KJP262236 KTI262235:KTL262236 LDE262235:LDH262236 LNA262235:LND262236 LWW262235:LWZ262236 MGS262235:MGV262236 MQO262235:MQR262236 NAK262235:NAN262236 NKG262235:NKJ262236 NUC262235:NUF262236 ODY262235:OEB262236 ONU262235:ONX262236 OXQ262235:OXT262236 PHM262235:PHP262236 PRI262235:PRL262236 QBE262235:QBH262236 QLA262235:QLD262236 QUW262235:QUZ262236 RES262235:REV262236 ROO262235:ROR262236 RYK262235:RYN262236 SIG262235:SIJ262236 SSC262235:SSF262236 TBY262235:TCB262236 TLU262235:TLX262236 TVQ262235:TVT262236 UFM262235:UFP262236 UPI262235:UPL262236 UZE262235:UZH262236 VJA262235:VJD262236 VSW262235:VSZ262236 WCS262235:WCV262236 WMO262235:WMR262236 WWK262235:WWN262236 AC327771:AF327772 JY327771:KB327772 TU327771:TX327772 ADQ327771:ADT327772 ANM327771:ANP327772 AXI327771:AXL327772 BHE327771:BHH327772 BRA327771:BRD327772 CAW327771:CAZ327772 CKS327771:CKV327772 CUO327771:CUR327772 DEK327771:DEN327772 DOG327771:DOJ327772 DYC327771:DYF327772 EHY327771:EIB327772 ERU327771:ERX327772 FBQ327771:FBT327772 FLM327771:FLP327772 FVI327771:FVL327772 GFE327771:GFH327772 GPA327771:GPD327772 GYW327771:GYZ327772 HIS327771:HIV327772 HSO327771:HSR327772 ICK327771:ICN327772 IMG327771:IMJ327772 IWC327771:IWF327772 JFY327771:JGB327772 JPU327771:JPX327772 JZQ327771:JZT327772 KJM327771:KJP327772 KTI327771:KTL327772 LDE327771:LDH327772 LNA327771:LND327772 LWW327771:LWZ327772 MGS327771:MGV327772 MQO327771:MQR327772 NAK327771:NAN327772 NKG327771:NKJ327772 NUC327771:NUF327772 ODY327771:OEB327772 ONU327771:ONX327772 OXQ327771:OXT327772 PHM327771:PHP327772 PRI327771:PRL327772 QBE327771:QBH327772 QLA327771:QLD327772 QUW327771:QUZ327772 RES327771:REV327772 ROO327771:ROR327772 RYK327771:RYN327772 SIG327771:SIJ327772 SSC327771:SSF327772 TBY327771:TCB327772 TLU327771:TLX327772 TVQ327771:TVT327772 UFM327771:UFP327772 UPI327771:UPL327772 UZE327771:UZH327772 VJA327771:VJD327772 VSW327771:VSZ327772 WCS327771:WCV327772 WMO327771:WMR327772 WWK327771:WWN327772 AC393307:AF393308 JY393307:KB393308 TU393307:TX393308 ADQ393307:ADT393308 ANM393307:ANP393308 AXI393307:AXL393308 BHE393307:BHH393308 BRA393307:BRD393308 CAW393307:CAZ393308 CKS393307:CKV393308 CUO393307:CUR393308 DEK393307:DEN393308 DOG393307:DOJ393308 DYC393307:DYF393308 EHY393307:EIB393308 ERU393307:ERX393308 FBQ393307:FBT393308 FLM393307:FLP393308 FVI393307:FVL393308 GFE393307:GFH393308 GPA393307:GPD393308 GYW393307:GYZ393308 HIS393307:HIV393308 HSO393307:HSR393308 ICK393307:ICN393308 IMG393307:IMJ393308 IWC393307:IWF393308 JFY393307:JGB393308 JPU393307:JPX393308 JZQ393307:JZT393308 KJM393307:KJP393308 KTI393307:KTL393308 LDE393307:LDH393308 LNA393307:LND393308 LWW393307:LWZ393308 MGS393307:MGV393308 MQO393307:MQR393308 NAK393307:NAN393308 NKG393307:NKJ393308 NUC393307:NUF393308 ODY393307:OEB393308 ONU393307:ONX393308 OXQ393307:OXT393308 PHM393307:PHP393308 PRI393307:PRL393308 QBE393307:QBH393308 QLA393307:QLD393308 QUW393307:QUZ393308 RES393307:REV393308 ROO393307:ROR393308 RYK393307:RYN393308 SIG393307:SIJ393308 SSC393307:SSF393308 TBY393307:TCB393308 TLU393307:TLX393308 TVQ393307:TVT393308 UFM393307:UFP393308 UPI393307:UPL393308 UZE393307:UZH393308 VJA393307:VJD393308 VSW393307:VSZ393308 WCS393307:WCV393308 WMO393307:WMR393308 WWK393307:WWN393308 AC458843:AF458844 JY458843:KB458844 TU458843:TX458844 ADQ458843:ADT458844 ANM458843:ANP458844 AXI458843:AXL458844 BHE458843:BHH458844 BRA458843:BRD458844 CAW458843:CAZ458844 CKS458843:CKV458844 CUO458843:CUR458844 DEK458843:DEN458844 DOG458843:DOJ458844 DYC458843:DYF458844 EHY458843:EIB458844 ERU458843:ERX458844 FBQ458843:FBT458844 FLM458843:FLP458844 FVI458843:FVL458844 GFE458843:GFH458844 GPA458843:GPD458844 GYW458843:GYZ458844 HIS458843:HIV458844 HSO458843:HSR458844 ICK458843:ICN458844 IMG458843:IMJ458844 IWC458843:IWF458844 JFY458843:JGB458844 JPU458843:JPX458844 JZQ458843:JZT458844 KJM458843:KJP458844 KTI458843:KTL458844 LDE458843:LDH458844 LNA458843:LND458844 LWW458843:LWZ458844 MGS458843:MGV458844 MQO458843:MQR458844 NAK458843:NAN458844 NKG458843:NKJ458844 NUC458843:NUF458844 ODY458843:OEB458844 ONU458843:ONX458844 OXQ458843:OXT458844 PHM458843:PHP458844 PRI458843:PRL458844 QBE458843:QBH458844 QLA458843:QLD458844 QUW458843:QUZ458844 RES458843:REV458844 ROO458843:ROR458844 RYK458843:RYN458844 SIG458843:SIJ458844 SSC458843:SSF458844 TBY458843:TCB458844 TLU458843:TLX458844 TVQ458843:TVT458844 UFM458843:UFP458844 UPI458843:UPL458844 UZE458843:UZH458844 VJA458843:VJD458844 VSW458843:VSZ458844 WCS458843:WCV458844 WMO458843:WMR458844 WWK458843:WWN458844 AC524379:AF524380 JY524379:KB524380 TU524379:TX524380 ADQ524379:ADT524380 ANM524379:ANP524380 AXI524379:AXL524380 BHE524379:BHH524380 BRA524379:BRD524380 CAW524379:CAZ524380 CKS524379:CKV524380 CUO524379:CUR524380 DEK524379:DEN524380 DOG524379:DOJ524380 DYC524379:DYF524380 EHY524379:EIB524380 ERU524379:ERX524380 FBQ524379:FBT524380 FLM524379:FLP524380 FVI524379:FVL524380 GFE524379:GFH524380 GPA524379:GPD524380 GYW524379:GYZ524380 HIS524379:HIV524380 HSO524379:HSR524380 ICK524379:ICN524380 IMG524379:IMJ524380 IWC524379:IWF524380 JFY524379:JGB524380 JPU524379:JPX524380 JZQ524379:JZT524380 KJM524379:KJP524380 KTI524379:KTL524380 LDE524379:LDH524380 LNA524379:LND524380 LWW524379:LWZ524380 MGS524379:MGV524380 MQO524379:MQR524380 NAK524379:NAN524380 NKG524379:NKJ524380 NUC524379:NUF524380 ODY524379:OEB524380 ONU524379:ONX524380 OXQ524379:OXT524380 PHM524379:PHP524380 PRI524379:PRL524380 QBE524379:QBH524380 QLA524379:QLD524380 QUW524379:QUZ524380 RES524379:REV524380 ROO524379:ROR524380 RYK524379:RYN524380 SIG524379:SIJ524380 SSC524379:SSF524380 TBY524379:TCB524380 TLU524379:TLX524380 TVQ524379:TVT524380 UFM524379:UFP524380 UPI524379:UPL524380 UZE524379:UZH524380 VJA524379:VJD524380 VSW524379:VSZ524380 WCS524379:WCV524380 WMO524379:WMR524380 WWK524379:WWN524380 AC589915:AF589916 JY589915:KB589916 TU589915:TX589916 ADQ589915:ADT589916 ANM589915:ANP589916 AXI589915:AXL589916 BHE589915:BHH589916 BRA589915:BRD589916 CAW589915:CAZ589916 CKS589915:CKV589916 CUO589915:CUR589916 DEK589915:DEN589916 DOG589915:DOJ589916 DYC589915:DYF589916 EHY589915:EIB589916 ERU589915:ERX589916 FBQ589915:FBT589916 FLM589915:FLP589916 FVI589915:FVL589916 GFE589915:GFH589916 GPA589915:GPD589916 GYW589915:GYZ589916 HIS589915:HIV589916 HSO589915:HSR589916 ICK589915:ICN589916 IMG589915:IMJ589916 IWC589915:IWF589916 JFY589915:JGB589916 JPU589915:JPX589916 JZQ589915:JZT589916 KJM589915:KJP589916 KTI589915:KTL589916 LDE589915:LDH589916 LNA589915:LND589916 LWW589915:LWZ589916 MGS589915:MGV589916 MQO589915:MQR589916 NAK589915:NAN589916 NKG589915:NKJ589916 NUC589915:NUF589916 ODY589915:OEB589916 ONU589915:ONX589916 OXQ589915:OXT589916 PHM589915:PHP589916 PRI589915:PRL589916 QBE589915:QBH589916 QLA589915:QLD589916 QUW589915:QUZ589916 RES589915:REV589916 ROO589915:ROR589916 RYK589915:RYN589916 SIG589915:SIJ589916 SSC589915:SSF589916 TBY589915:TCB589916 TLU589915:TLX589916 TVQ589915:TVT589916 UFM589915:UFP589916 UPI589915:UPL589916 UZE589915:UZH589916 VJA589915:VJD589916 VSW589915:VSZ589916 WCS589915:WCV589916 WMO589915:WMR589916 WWK589915:WWN589916 AC655451:AF655452 JY655451:KB655452 TU655451:TX655452 ADQ655451:ADT655452 ANM655451:ANP655452 AXI655451:AXL655452 BHE655451:BHH655452 BRA655451:BRD655452 CAW655451:CAZ655452 CKS655451:CKV655452 CUO655451:CUR655452 DEK655451:DEN655452 DOG655451:DOJ655452 DYC655451:DYF655452 EHY655451:EIB655452 ERU655451:ERX655452 FBQ655451:FBT655452 FLM655451:FLP655452 FVI655451:FVL655452 GFE655451:GFH655452 GPA655451:GPD655452 GYW655451:GYZ655452 HIS655451:HIV655452 HSO655451:HSR655452 ICK655451:ICN655452 IMG655451:IMJ655452 IWC655451:IWF655452 JFY655451:JGB655452 JPU655451:JPX655452 JZQ655451:JZT655452 KJM655451:KJP655452 KTI655451:KTL655452 LDE655451:LDH655452 LNA655451:LND655452 LWW655451:LWZ655452 MGS655451:MGV655452 MQO655451:MQR655452 NAK655451:NAN655452 NKG655451:NKJ655452 NUC655451:NUF655452 ODY655451:OEB655452 ONU655451:ONX655452 OXQ655451:OXT655452 PHM655451:PHP655452 PRI655451:PRL655452 QBE655451:QBH655452 QLA655451:QLD655452 QUW655451:QUZ655452 RES655451:REV655452 ROO655451:ROR655452 RYK655451:RYN655452 SIG655451:SIJ655452 SSC655451:SSF655452 TBY655451:TCB655452 TLU655451:TLX655452 TVQ655451:TVT655452 UFM655451:UFP655452 UPI655451:UPL655452 UZE655451:UZH655452 VJA655451:VJD655452 VSW655451:VSZ655452 WCS655451:WCV655452 WMO655451:WMR655452 WWK655451:WWN655452 AC720987:AF720988 JY720987:KB720988 TU720987:TX720988 ADQ720987:ADT720988 ANM720987:ANP720988 AXI720987:AXL720988 BHE720987:BHH720988 BRA720987:BRD720988 CAW720987:CAZ720988 CKS720987:CKV720988 CUO720987:CUR720988 DEK720987:DEN720988 DOG720987:DOJ720988 DYC720987:DYF720988 EHY720987:EIB720988 ERU720987:ERX720988 FBQ720987:FBT720988 FLM720987:FLP720988 FVI720987:FVL720988 GFE720987:GFH720988 GPA720987:GPD720988 GYW720987:GYZ720988 HIS720987:HIV720988 HSO720987:HSR720988 ICK720987:ICN720988 IMG720987:IMJ720988 IWC720987:IWF720988 JFY720987:JGB720988 JPU720987:JPX720988 JZQ720987:JZT720988 KJM720987:KJP720988 KTI720987:KTL720988 LDE720987:LDH720988 LNA720987:LND720988 LWW720987:LWZ720988 MGS720987:MGV720988 MQO720987:MQR720988 NAK720987:NAN720988 NKG720987:NKJ720988 NUC720987:NUF720988 ODY720987:OEB720988 ONU720987:ONX720988 OXQ720987:OXT720988 PHM720987:PHP720988 PRI720987:PRL720988 QBE720987:QBH720988 QLA720987:QLD720988 QUW720987:QUZ720988 RES720987:REV720988 ROO720987:ROR720988 RYK720987:RYN720988 SIG720987:SIJ720988 SSC720987:SSF720988 TBY720987:TCB720988 TLU720987:TLX720988 TVQ720987:TVT720988 UFM720987:UFP720988 UPI720987:UPL720988 UZE720987:UZH720988 VJA720987:VJD720988 VSW720987:VSZ720988 WCS720987:WCV720988 WMO720987:WMR720988 WWK720987:WWN720988 AC786523:AF786524 JY786523:KB786524 TU786523:TX786524 ADQ786523:ADT786524 ANM786523:ANP786524 AXI786523:AXL786524 BHE786523:BHH786524 BRA786523:BRD786524 CAW786523:CAZ786524 CKS786523:CKV786524 CUO786523:CUR786524 DEK786523:DEN786524 DOG786523:DOJ786524 DYC786523:DYF786524 EHY786523:EIB786524 ERU786523:ERX786524 FBQ786523:FBT786524 FLM786523:FLP786524 FVI786523:FVL786524 GFE786523:GFH786524 GPA786523:GPD786524 GYW786523:GYZ786524 HIS786523:HIV786524 HSO786523:HSR786524 ICK786523:ICN786524 IMG786523:IMJ786524 IWC786523:IWF786524 JFY786523:JGB786524 JPU786523:JPX786524 JZQ786523:JZT786524 KJM786523:KJP786524 KTI786523:KTL786524 LDE786523:LDH786524 LNA786523:LND786524 LWW786523:LWZ786524 MGS786523:MGV786524 MQO786523:MQR786524 NAK786523:NAN786524 NKG786523:NKJ786524 NUC786523:NUF786524 ODY786523:OEB786524 ONU786523:ONX786524 OXQ786523:OXT786524 PHM786523:PHP786524 PRI786523:PRL786524 QBE786523:QBH786524 QLA786523:QLD786524 QUW786523:QUZ786524 RES786523:REV786524 ROO786523:ROR786524 RYK786523:RYN786524 SIG786523:SIJ786524 SSC786523:SSF786524 TBY786523:TCB786524 TLU786523:TLX786524 TVQ786523:TVT786524 UFM786523:UFP786524 UPI786523:UPL786524 UZE786523:UZH786524 VJA786523:VJD786524 VSW786523:VSZ786524 WCS786523:WCV786524 WMO786523:WMR786524 WWK786523:WWN786524 AC852059:AF852060 JY852059:KB852060 TU852059:TX852060 ADQ852059:ADT852060 ANM852059:ANP852060 AXI852059:AXL852060 BHE852059:BHH852060 BRA852059:BRD852060 CAW852059:CAZ852060 CKS852059:CKV852060 CUO852059:CUR852060 DEK852059:DEN852060 DOG852059:DOJ852060 DYC852059:DYF852060 EHY852059:EIB852060 ERU852059:ERX852060 FBQ852059:FBT852060 FLM852059:FLP852060 FVI852059:FVL852060 GFE852059:GFH852060 GPA852059:GPD852060 GYW852059:GYZ852060 HIS852059:HIV852060 HSO852059:HSR852060 ICK852059:ICN852060 IMG852059:IMJ852060 IWC852059:IWF852060 JFY852059:JGB852060 JPU852059:JPX852060 JZQ852059:JZT852060 KJM852059:KJP852060 KTI852059:KTL852060 LDE852059:LDH852060 LNA852059:LND852060 LWW852059:LWZ852060 MGS852059:MGV852060 MQO852059:MQR852060 NAK852059:NAN852060 NKG852059:NKJ852060 NUC852059:NUF852060 ODY852059:OEB852060 ONU852059:ONX852060 OXQ852059:OXT852060 PHM852059:PHP852060 PRI852059:PRL852060 QBE852059:QBH852060 QLA852059:QLD852060 QUW852059:QUZ852060 RES852059:REV852060 ROO852059:ROR852060 RYK852059:RYN852060 SIG852059:SIJ852060 SSC852059:SSF852060 TBY852059:TCB852060 TLU852059:TLX852060 TVQ852059:TVT852060 UFM852059:UFP852060 UPI852059:UPL852060 UZE852059:UZH852060 VJA852059:VJD852060 VSW852059:VSZ852060 WCS852059:WCV852060 WMO852059:WMR852060 WWK852059:WWN852060 AC917595:AF917596 JY917595:KB917596 TU917595:TX917596 ADQ917595:ADT917596 ANM917595:ANP917596 AXI917595:AXL917596 BHE917595:BHH917596 BRA917595:BRD917596 CAW917595:CAZ917596 CKS917595:CKV917596 CUO917595:CUR917596 DEK917595:DEN917596 DOG917595:DOJ917596 DYC917595:DYF917596 EHY917595:EIB917596 ERU917595:ERX917596 FBQ917595:FBT917596 FLM917595:FLP917596 FVI917595:FVL917596 GFE917595:GFH917596 GPA917595:GPD917596 GYW917595:GYZ917596 HIS917595:HIV917596 HSO917595:HSR917596 ICK917595:ICN917596 IMG917595:IMJ917596 IWC917595:IWF917596 JFY917595:JGB917596 JPU917595:JPX917596 JZQ917595:JZT917596 KJM917595:KJP917596 KTI917595:KTL917596 LDE917595:LDH917596 LNA917595:LND917596 LWW917595:LWZ917596 MGS917595:MGV917596 MQO917595:MQR917596 NAK917595:NAN917596 NKG917595:NKJ917596 NUC917595:NUF917596 ODY917595:OEB917596 ONU917595:ONX917596 OXQ917595:OXT917596 PHM917595:PHP917596 PRI917595:PRL917596 QBE917595:QBH917596 QLA917595:QLD917596 QUW917595:QUZ917596 RES917595:REV917596 ROO917595:ROR917596 RYK917595:RYN917596 SIG917595:SIJ917596 SSC917595:SSF917596 TBY917595:TCB917596 TLU917595:TLX917596 TVQ917595:TVT917596 UFM917595:UFP917596 UPI917595:UPL917596 UZE917595:UZH917596 VJA917595:VJD917596 VSW917595:VSZ917596 WCS917595:WCV917596 WMO917595:WMR917596 WWK917595:WWN917596 AC983131:AF983132 JY983131:KB983132 TU983131:TX983132 ADQ983131:ADT983132 ANM983131:ANP983132 AXI983131:AXL983132 BHE983131:BHH983132 BRA983131:BRD983132 CAW983131:CAZ983132 CKS983131:CKV983132 CUO983131:CUR983132 DEK983131:DEN983132 DOG983131:DOJ983132 DYC983131:DYF983132 EHY983131:EIB983132 ERU983131:ERX983132 FBQ983131:FBT983132 FLM983131:FLP983132 FVI983131:FVL983132 GFE983131:GFH983132 GPA983131:GPD983132 GYW983131:GYZ983132 HIS983131:HIV983132 HSO983131:HSR983132 ICK983131:ICN983132 IMG983131:IMJ983132 IWC983131:IWF983132 JFY983131:JGB983132 JPU983131:JPX983132 JZQ983131:JZT983132 KJM983131:KJP983132 KTI983131:KTL983132 LDE983131:LDH983132 LNA983131:LND983132 LWW983131:LWZ983132 MGS983131:MGV983132 MQO983131:MQR983132 NAK983131:NAN983132 NKG983131:NKJ983132 NUC983131:NUF983132 ODY983131:OEB983132 ONU983131:ONX983132 OXQ983131:OXT983132 PHM983131:PHP983132 PRI983131:PRL983132 QBE983131:QBH983132 QLA983131:QLD983132 QUW983131:QUZ983132 RES983131:REV983132 ROO983131:ROR983132 RYK983131:RYN983132 SIG983131:SIJ983132 SSC983131:SSF983132 TBY983131:TCB983132 TLU983131:TLX983132 TVQ983131:TVT983132 UFM983131:UFP983132 UPI983131:UPL983132 UZE983131:UZH983132 VJA983131:VJD983132 VSW983131:VSZ983132 WCS983131:WCV983132 WMO983131:WMR983132 AA91" xr:uid="{07F58020-1E6E-4A5C-95D7-7A71D4F313C6}">
      <formula1>"●"</formula1>
    </dataValidation>
    <dataValidation type="list" showInputMessage="1" sqref="S30 JO30 TK30 ADG30 ANC30 AWY30 BGU30 BQQ30 CAM30 CKI30 CUE30 DEA30 DNW30 DXS30 EHO30 ERK30 FBG30 FLC30 FUY30 GEU30 GOQ30 GYM30 HII30 HSE30 ICA30 ILW30 IVS30 JFO30 JPK30 JZG30 KJC30 KSY30 LCU30 LMQ30 LWM30 MGI30 MQE30 NAA30 NJW30 NTS30 ODO30 ONK30 OXG30 PHC30 PQY30 QAU30 QKQ30 QUM30 REI30 ROE30 RYA30 SHW30 SRS30 TBO30 TLK30 TVG30 UFC30 UOY30 UYU30 VIQ30 VSM30 WCI30 WME30 WWA30 S65566 JO65566 TK65566 ADG65566 ANC65566 AWY65566 BGU65566 BQQ65566 CAM65566 CKI65566 CUE65566 DEA65566 DNW65566 DXS65566 EHO65566 ERK65566 FBG65566 FLC65566 FUY65566 GEU65566 GOQ65566 GYM65566 HII65566 HSE65566 ICA65566 ILW65566 IVS65566 JFO65566 JPK65566 JZG65566 KJC65566 KSY65566 LCU65566 LMQ65566 LWM65566 MGI65566 MQE65566 NAA65566 NJW65566 NTS65566 ODO65566 ONK65566 OXG65566 PHC65566 PQY65566 QAU65566 QKQ65566 QUM65566 REI65566 ROE65566 RYA65566 SHW65566 SRS65566 TBO65566 TLK65566 TVG65566 UFC65566 UOY65566 UYU65566 VIQ65566 VSM65566 WCI65566 WME65566 WWA65566 S131102 JO131102 TK131102 ADG131102 ANC131102 AWY131102 BGU131102 BQQ131102 CAM131102 CKI131102 CUE131102 DEA131102 DNW131102 DXS131102 EHO131102 ERK131102 FBG131102 FLC131102 FUY131102 GEU131102 GOQ131102 GYM131102 HII131102 HSE131102 ICA131102 ILW131102 IVS131102 JFO131102 JPK131102 JZG131102 KJC131102 KSY131102 LCU131102 LMQ131102 LWM131102 MGI131102 MQE131102 NAA131102 NJW131102 NTS131102 ODO131102 ONK131102 OXG131102 PHC131102 PQY131102 QAU131102 QKQ131102 QUM131102 REI131102 ROE131102 RYA131102 SHW131102 SRS131102 TBO131102 TLK131102 TVG131102 UFC131102 UOY131102 UYU131102 VIQ131102 VSM131102 WCI131102 WME131102 WWA131102 S196638 JO196638 TK196638 ADG196638 ANC196638 AWY196638 BGU196638 BQQ196638 CAM196638 CKI196638 CUE196638 DEA196638 DNW196638 DXS196638 EHO196638 ERK196638 FBG196638 FLC196638 FUY196638 GEU196638 GOQ196638 GYM196638 HII196638 HSE196638 ICA196638 ILW196638 IVS196638 JFO196638 JPK196638 JZG196638 KJC196638 KSY196638 LCU196638 LMQ196638 LWM196638 MGI196638 MQE196638 NAA196638 NJW196638 NTS196638 ODO196638 ONK196638 OXG196638 PHC196638 PQY196638 QAU196638 QKQ196638 QUM196638 REI196638 ROE196638 RYA196638 SHW196638 SRS196638 TBO196638 TLK196638 TVG196638 UFC196638 UOY196638 UYU196638 VIQ196638 VSM196638 WCI196638 WME196638 WWA196638 S262174 JO262174 TK262174 ADG262174 ANC262174 AWY262174 BGU262174 BQQ262174 CAM262174 CKI262174 CUE262174 DEA262174 DNW262174 DXS262174 EHO262174 ERK262174 FBG262174 FLC262174 FUY262174 GEU262174 GOQ262174 GYM262174 HII262174 HSE262174 ICA262174 ILW262174 IVS262174 JFO262174 JPK262174 JZG262174 KJC262174 KSY262174 LCU262174 LMQ262174 LWM262174 MGI262174 MQE262174 NAA262174 NJW262174 NTS262174 ODO262174 ONK262174 OXG262174 PHC262174 PQY262174 QAU262174 QKQ262174 QUM262174 REI262174 ROE262174 RYA262174 SHW262174 SRS262174 TBO262174 TLK262174 TVG262174 UFC262174 UOY262174 UYU262174 VIQ262174 VSM262174 WCI262174 WME262174 WWA262174 S327710 JO327710 TK327710 ADG327710 ANC327710 AWY327710 BGU327710 BQQ327710 CAM327710 CKI327710 CUE327710 DEA327710 DNW327710 DXS327710 EHO327710 ERK327710 FBG327710 FLC327710 FUY327710 GEU327710 GOQ327710 GYM327710 HII327710 HSE327710 ICA327710 ILW327710 IVS327710 JFO327710 JPK327710 JZG327710 KJC327710 KSY327710 LCU327710 LMQ327710 LWM327710 MGI327710 MQE327710 NAA327710 NJW327710 NTS327710 ODO327710 ONK327710 OXG327710 PHC327710 PQY327710 QAU327710 QKQ327710 QUM327710 REI327710 ROE327710 RYA327710 SHW327710 SRS327710 TBO327710 TLK327710 TVG327710 UFC327710 UOY327710 UYU327710 VIQ327710 VSM327710 WCI327710 WME327710 WWA327710 S393246 JO393246 TK393246 ADG393246 ANC393246 AWY393246 BGU393246 BQQ393246 CAM393246 CKI393246 CUE393246 DEA393246 DNW393246 DXS393246 EHO393246 ERK393246 FBG393246 FLC393246 FUY393246 GEU393246 GOQ393246 GYM393246 HII393246 HSE393246 ICA393246 ILW393246 IVS393246 JFO393246 JPK393246 JZG393246 KJC393246 KSY393246 LCU393246 LMQ393246 LWM393246 MGI393246 MQE393246 NAA393246 NJW393246 NTS393246 ODO393246 ONK393246 OXG393246 PHC393246 PQY393246 QAU393246 QKQ393246 QUM393246 REI393246 ROE393246 RYA393246 SHW393246 SRS393246 TBO393246 TLK393246 TVG393246 UFC393246 UOY393246 UYU393246 VIQ393246 VSM393246 WCI393246 WME393246 WWA393246 S458782 JO458782 TK458782 ADG458782 ANC458782 AWY458782 BGU458782 BQQ458782 CAM458782 CKI458782 CUE458782 DEA458782 DNW458782 DXS458782 EHO458782 ERK458782 FBG458782 FLC458782 FUY458782 GEU458782 GOQ458782 GYM458782 HII458782 HSE458782 ICA458782 ILW458782 IVS458782 JFO458782 JPK458782 JZG458782 KJC458782 KSY458782 LCU458782 LMQ458782 LWM458782 MGI458782 MQE458782 NAA458782 NJW458782 NTS458782 ODO458782 ONK458782 OXG458782 PHC458782 PQY458782 QAU458782 QKQ458782 QUM458782 REI458782 ROE458782 RYA458782 SHW458782 SRS458782 TBO458782 TLK458782 TVG458782 UFC458782 UOY458782 UYU458782 VIQ458782 VSM458782 WCI458782 WME458782 WWA458782 S524318 JO524318 TK524318 ADG524318 ANC524318 AWY524318 BGU524318 BQQ524318 CAM524318 CKI524318 CUE524318 DEA524318 DNW524318 DXS524318 EHO524318 ERK524318 FBG524318 FLC524318 FUY524318 GEU524318 GOQ524318 GYM524318 HII524318 HSE524318 ICA524318 ILW524318 IVS524318 JFO524318 JPK524318 JZG524318 KJC524318 KSY524318 LCU524318 LMQ524318 LWM524318 MGI524318 MQE524318 NAA524318 NJW524318 NTS524318 ODO524318 ONK524318 OXG524318 PHC524318 PQY524318 QAU524318 QKQ524318 QUM524318 REI524318 ROE524318 RYA524318 SHW524318 SRS524318 TBO524318 TLK524318 TVG524318 UFC524318 UOY524318 UYU524318 VIQ524318 VSM524318 WCI524318 WME524318 WWA524318 S589854 JO589854 TK589854 ADG589854 ANC589854 AWY589854 BGU589854 BQQ589854 CAM589854 CKI589854 CUE589854 DEA589854 DNW589854 DXS589854 EHO589854 ERK589854 FBG589854 FLC589854 FUY589854 GEU589854 GOQ589854 GYM589854 HII589854 HSE589854 ICA589854 ILW589854 IVS589854 JFO589854 JPK589854 JZG589854 KJC589854 KSY589854 LCU589854 LMQ589854 LWM589854 MGI589854 MQE589854 NAA589854 NJW589854 NTS589854 ODO589854 ONK589854 OXG589854 PHC589854 PQY589854 QAU589854 QKQ589854 QUM589854 REI589854 ROE589854 RYA589854 SHW589854 SRS589854 TBO589854 TLK589854 TVG589854 UFC589854 UOY589854 UYU589854 VIQ589854 VSM589854 WCI589854 WME589854 WWA589854 S655390 JO655390 TK655390 ADG655390 ANC655390 AWY655390 BGU655390 BQQ655390 CAM655390 CKI655390 CUE655390 DEA655390 DNW655390 DXS655390 EHO655390 ERK655390 FBG655390 FLC655390 FUY655390 GEU655390 GOQ655390 GYM655390 HII655390 HSE655390 ICA655390 ILW655390 IVS655390 JFO655390 JPK655390 JZG655390 KJC655390 KSY655390 LCU655390 LMQ655390 LWM655390 MGI655390 MQE655390 NAA655390 NJW655390 NTS655390 ODO655390 ONK655390 OXG655390 PHC655390 PQY655390 QAU655390 QKQ655390 QUM655390 REI655390 ROE655390 RYA655390 SHW655390 SRS655390 TBO655390 TLK655390 TVG655390 UFC655390 UOY655390 UYU655390 VIQ655390 VSM655390 WCI655390 WME655390 WWA655390 S720926 JO720926 TK720926 ADG720926 ANC720926 AWY720926 BGU720926 BQQ720926 CAM720926 CKI720926 CUE720926 DEA720926 DNW720926 DXS720926 EHO720926 ERK720926 FBG720926 FLC720926 FUY720926 GEU720926 GOQ720926 GYM720926 HII720926 HSE720926 ICA720926 ILW720926 IVS720926 JFO720926 JPK720926 JZG720926 KJC720926 KSY720926 LCU720926 LMQ720926 LWM720926 MGI720926 MQE720926 NAA720926 NJW720926 NTS720926 ODO720926 ONK720926 OXG720926 PHC720926 PQY720926 QAU720926 QKQ720926 QUM720926 REI720926 ROE720926 RYA720926 SHW720926 SRS720926 TBO720926 TLK720926 TVG720926 UFC720926 UOY720926 UYU720926 VIQ720926 VSM720926 WCI720926 WME720926 WWA720926 S786462 JO786462 TK786462 ADG786462 ANC786462 AWY786462 BGU786462 BQQ786462 CAM786462 CKI786462 CUE786462 DEA786462 DNW786462 DXS786462 EHO786462 ERK786462 FBG786462 FLC786462 FUY786462 GEU786462 GOQ786462 GYM786462 HII786462 HSE786462 ICA786462 ILW786462 IVS786462 JFO786462 JPK786462 JZG786462 KJC786462 KSY786462 LCU786462 LMQ786462 LWM786462 MGI786462 MQE786462 NAA786462 NJW786462 NTS786462 ODO786462 ONK786462 OXG786462 PHC786462 PQY786462 QAU786462 QKQ786462 QUM786462 REI786462 ROE786462 RYA786462 SHW786462 SRS786462 TBO786462 TLK786462 TVG786462 UFC786462 UOY786462 UYU786462 VIQ786462 VSM786462 WCI786462 WME786462 WWA786462 S851998 JO851998 TK851998 ADG851998 ANC851998 AWY851998 BGU851998 BQQ851998 CAM851998 CKI851998 CUE851998 DEA851998 DNW851998 DXS851998 EHO851998 ERK851998 FBG851998 FLC851998 FUY851998 GEU851998 GOQ851998 GYM851998 HII851998 HSE851998 ICA851998 ILW851998 IVS851998 JFO851998 JPK851998 JZG851998 KJC851998 KSY851998 LCU851998 LMQ851998 LWM851998 MGI851998 MQE851998 NAA851998 NJW851998 NTS851998 ODO851998 ONK851998 OXG851998 PHC851998 PQY851998 QAU851998 QKQ851998 QUM851998 REI851998 ROE851998 RYA851998 SHW851998 SRS851998 TBO851998 TLK851998 TVG851998 UFC851998 UOY851998 UYU851998 VIQ851998 VSM851998 WCI851998 WME851998 WWA851998 S917534 JO917534 TK917534 ADG917534 ANC917534 AWY917534 BGU917534 BQQ917534 CAM917534 CKI917534 CUE917534 DEA917534 DNW917534 DXS917534 EHO917534 ERK917534 FBG917534 FLC917534 FUY917534 GEU917534 GOQ917534 GYM917534 HII917534 HSE917534 ICA917534 ILW917534 IVS917534 JFO917534 JPK917534 JZG917534 KJC917534 KSY917534 LCU917534 LMQ917534 LWM917534 MGI917534 MQE917534 NAA917534 NJW917534 NTS917534 ODO917534 ONK917534 OXG917534 PHC917534 PQY917534 QAU917534 QKQ917534 QUM917534 REI917534 ROE917534 RYA917534 SHW917534 SRS917534 TBO917534 TLK917534 TVG917534 UFC917534 UOY917534 UYU917534 VIQ917534 VSM917534 WCI917534 WME917534 WWA917534 S983070 JO983070 TK983070 ADG983070 ANC983070 AWY983070 BGU983070 BQQ983070 CAM983070 CKI983070 CUE983070 DEA983070 DNW983070 DXS983070 EHO983070 ERK983070 FBG983070 FLC983070 FUY983070 GEU983070 GOQ983070 GYM983070 HII983070 HSE983070 ICA983070 ILW983070 IVS983070 JFO983070 JPK983070 JZG983070 KJC983070 KSY983070 LCU983070 LMQ983070 LWM983070 MGI983070 MQE983070 NAA983070 NJW983070 NTS983070 ODO983070 ONK983070 OXG983070 PHC983070 PQY983070 QAU983070 QKQ983070 QUM983070 REI983070 ROE983070 RYA983070 SHW983070 SRS983070 TBO983070 TLK983070 TVG983070 UFC983070 UOY983070 UYU983070 VIQ983070 VSM983070 WCI983070 WME983070 WWA983070 AE30 KA30 TW30 ADS30 ANO30 AXK30 BHG30 BRC30 CAY30 CKU30 CUQ30 DEM30 DOI30 DYE30 EIA30 ERW30 FBS30 FLO30 FVK30 GFG30 GPC30 GYY30 HIU30 HSQ30 ICM30 IMI30 IWE30 JGA30 JPW30 JZS30 KJO30 KTK30 LDG30 LNC30 LWY30 MGU30 MQQ30 NAM30 NKI30 NUE30 OEA30 ONW30 OXS30 PHO30 PRK30 QBG30 QLC30 QUY30 REU30 ROQ30 RYM30 SII30 SSE30 TCA30 TLW30 TVS30 UFO30 UPK30 UZG30 VJC30 VSY30 WCU30 WMQ30 WWM30 AE65566 KA65566 TW65566 ADS65566 ANO65566 AXK65566 BHG65566 BRC65566 CAY65566 CKU65566 CUQ65566 DEM65566 DOI65566 DYE65566 EIA65566 ERW65566 FBS65566 FLO65566 FVK65566 GFG65566 GPC65566 GYY65566 HIU65566 HSQ65566 ICM65566 IMI65566 IWE65566 JGA65566 JPW65566 JZS65566 KJO65566 KTK65566 LDG65566 LNC65566 LWY65566 MGU65566 MQQ65566 NAM65566 NKI65566 NUE65566 OEA65566 ONW65566 OXS65566 PHO65566 PRK65566 QBG65566 QLC65566 QUY65566 REU65566 ROQ65566 RYM65566 SII65566 SSE65566 TCA65566 TLW65566 TVS65566 UFO65566 UPK65566 UZG65566 VJC65566 VSY65566 WCU65566 WMQ65566 WWM65566 AE131102 KA131102 TW131102 ADS131102 ANO131102 AXK131102 BHG131102 BRC131102 CAY131102 CKU131102 CUQ131102 DEM131102 DOI131102 DYE131102 EIA131102 ERW131102 FBS131102 FLO131102 FVK131102 GFG131102 GPC131102 GYY131102 HIU131102 HSQ131102 ICM131102 IMI131102 IWE131102 JGA131102 JPW131102 JZS131102 KJO131102 KTK131102 LDG131102 LNC131102 LWY131102 MGU131102 MQQ131102 NAM131102 NKI131102 NUE131102 OEA131102 ONW131102 OXS131102 PHO131102 PRK131102 QBG131102 QLC131102 QUY131102 REU131102 ROQ131102 RYM131102 SII131102 SSE131102 TCA131102 TLW131102 TVS131102 UFO131102 UPK131102 UZG131102 VJC131102 VSY131102 WCU131102 WMQ131102 WWM131102 AE196638 KA196638 TW196638 ADS196638 ANO196638 AXK196638 BHG196638 BRC196638 CAY196638 CKU196638 CUQ196638 DEM196638 DOI196638 DYE196638 EIA196638 ERW196638 FBS196638 FLO196638 FVK196638 GFG196638 GPC196638 GYY196638 HIU196638 HSQ196638 ICM196638 IMI196638 IWE196638 JGA196638 JPW196638 JZS196638 KJO196638 KTK196638 LDG196638 LNC196638 LWY196638 MGU196638 MQQ196638 NAM196638 NKI196638 NUE196638 OEA196638 ONW196638 OXS196638 PHO196638 PRK196638 QBG196638 QLC196638 QUY196638 REU196638 ROQ196638 RYM196638 SII196638 SSE196638 TCA196638 TLW196638 TVS196638 UFO196638 UPK196638 UZG196638 VJC196638 VSY196638 WCU196638 WMQ196638 WWM196638 AE262174 KA262174 TW262174 ADS262174 ANO262174 AXK262174 BHG262174 BRC262174 CAY262174 CKU262174 CUQ262174 DEM262174 DOI262174 DYE262174 EIA262174 ERW262174 FBS262174 FLO262174 FVK262174 GFG262174 GPC262174 GYY262174 HIU262174 HSQ262174 ICM262174 IMI262174 IWE262174 JGA262174 JPW262174 JZS262174 KJO262174 KTK262174 LDG262174 LNC262174 LWY262174 MGU262174 MQQ262174 NAM262174 NKI262174 NUE262174 OEA262174 ONW262174 OXS262174 PHO262174 PRK262174 QBG262174 QLC262174 QUY262174 REU262174 ROQ262174 RYM262174 SII262174 SSE262174 TCA262174 TLW262174 TVS262174 UFO262174 UPK262174 UZG262174 VJC262174 VSY262174 WCU262174 WMQ262174 WWM262174 AE327710 KA327710 TW327710 ADS327710 ANO327710 AXK327710 BHG327710 BRC327710 CAY327710 CKU327710 CUQ327710 DEM327710 DOI327710 DYE327710 EIA327710 ERW327710 FBS327710 FLO327710 FVK327710 GFG327710 GPC327710 GYY327710 HIU327710 HSQ327710 ICM327710 IMI327710 IWE327710 JGA327710 JPW327710 JZS327710 KJO327710 KTK327710 LDG327710 LNC327710 LWY327710 MGU327710 MQQ327710 NAM327710 NKI327710 NUE327710 OEA327710 ONW327710 OXS327710 PHO327710 PRK327710 QBG327710 QLC327710 QUY327710 REU327710 ROQ327710 RYM327710 SII327710 SSE327710 TCA327710 TLW327710 TVS327710 UFO327710 UPK327710 UZG327710 VJC327710 VSY327710 WCU327710 WMQ327710 WWM327710 AE393246 KA393246 TW393246 ADS393246 ANO393246 AXK393246 BHG393246 BRC393246 CAY393246 CKU393246 CUQ393246 DEM393246 DOI393246 DYE393246 EIA393246 ERW393246 FBS393246 FLO393246 FVK393246 GFG393246 GPC393246 GYY393246 HIU393246 HSQ393246 ICM393246 IMI393246 IWE393246 JGA393246 JPW393246 JZS393246 KJO393246 KTK393246 LDG393246 LNC393246 LWY393246 MGU393246 MQQ393246 NAM393246 NKI393246 NUE393246 OEA393246 ONW393246 OXS393246 PHO393246 PRK393246 QBG393246 QLC393246 QUY393246 REU393246 ROQ393246 RYM393246 SII393246 SSE393246 TCA393246 TLW393246 TVS393246 UFO393246 UPK393246 UZG393246 VJC393246 VSY393246 WCU393246 WMQ393246 WWM393246 AE458782 KA458782 TW458782 ADS458782 ANO458782 AXK458782 BHG458782 BRC458782 CAY458782 CKU458782 CUQ458782 DEM458782 DOI458782 DYE458782 EIA458782 ERW458782 FBS458782 FLO458782 FVK458782 GFG458782 GPC458782 GYY458782 HIU458782 HSQ458782 ICM458782 IMI458782 IWE458782 JGA458782 JPW458782 JZS458782 KJO458782 KTK458782 LDG458782 LNC458782 LWY458782 MGU458782 MQQ458782 NAM458782 NKI458782 NUE458782 OEA458782 ONW458782 OXS458782 PHO458782 PRK458782 QBG458782 QLC458782 QUY458782 REU458782 ROQ458782 RYM458782 SII458782 SSE458782 TCA458782 TLW458782 TVS458782 UFO458782 UPK458782 UZG458782 VJC458782 VSY458782 WCU458782 WMQ458782 WWM458782 AE524318 KA524318 TW524318 ADS524318 ANO524318 AXK524318 BHG524318 BRC524318 CAY524318 CKU524318 CUQ524318 DEM524318 DOI524318 DYE524318 EIA524318 ERW524318 FBS524318 FLO524318 FVK524318 GFG524318 GPC524318 GYY524318 HIU524318 HSQ524318 ICM524318 IMI524318 IWE524318 JGA524318 JPW524318 JZS524318 KJO524318 KTK524318 LDG524318 LNC524318 LWY524318 MGU524318 MQQ524318 NAM524318 NKI524318 NUE524318 OEA524318 ONW524318 OXS524318 PHO524318 PRK524318 QBG524318 QLC524318 QUY524318 REU524318 ROQ524318 RYM524318 SII524318 SSE524318 TCA524318 TLW524318 TVS524318 UFO524318 UPK524318 UZG524318 VJC524318 VSY524318 WCU524318 WMQ524318 WWM524318 AE589854 KA589854 TW589854 ADS589854 ANO589854 AXK589854 BHG589854 BRC589854 CAY589854 CKU589854 CUQ589854 DEM589854 DOI589854 DYE589854 EIA589854 ERW589854 FBS589854 FLO589854 FVK589854 GFG589854 GPC589854 GYY589854 HIU589854 HSQ589854 ICM589854 IMI589854 IWE589854 JGA589854 JPW589854 JZS589854 KJO589854 KTK589854 LDG589854 LNC589854 LWY589854 MGU589854 MQQ589854 NAM589854 NKI589854 NUE589854 OEA589854 ONW589854 OXS589854 PHO589854 PRK589854 QBG589854 QLC589854 QUY589854 REU589854 ROQ589854 RYM589854 SII589854 SSE589854 TCA589854 TLW589854 TVS589854 UFO589854 UPK589854 UZG589854 VJC589854 VSY589854 WCU589854 WMQ589854 WWM589854 AE655390 KA655390 TW655390 ADS655390 ANO655390 AXK655390 BHG655390 BRC655390 CAY655390 CKU655390 CUQ655390 DEM655390 DOI655390 DYE655390 EIA655390 ERW655390 FBS655390 FLO655390 FVK655390 GFG655390 GPC655390 GYY655390 HIU655390 HSQ655390 ICM655390 IMI655390 IWE655390 JGA655390 JPW655390 JZS655390 KJO655390 KTK655390 LDG655390 LNC655390 LWY655390 MGU655390 MQQ655390 NAM655390 NKI655390 NUE655390 OEA655390 ONW655390 OXS655390 PHO655390 PRK655390 QBG655390 QLC655390 QUY655390 REU655390 ROQ655390 RYM655390 SII655390 SSE655390 TCA655390 TLW655390 TVS655390 UFO655390 UPK655390 UZG655390 VJC655390 VSY655390 WCU655390 WMQ655390 WWM655390 AE720926 KA720926 TW720926 ADS720926 ANO720926 AXK720926 BHG720926 BRC720926 CAY720926 CKU720926 CUQ720926 DEM720926 DOI720926 DYE720926 EIA720926 ERW720926 FBS720926 FLO720926 FVK720926 GFG720926 GPC720926 GYY720926 HIU720926 HSQ720926 ICM720926 IMI720926 IWE720926 JGA720926 JPW720926 JZS720926 KJO720926 KTK720926 LDG720926 LNC720926 LWY720926 MGU720926 MQQ720926 NAM720926 NKI720926 NUE720926 OEA720926 ONW720926 OXS720926 PHO720926 PRK720926 QBG720926 QLC720926 QUY720926 REU720926 ROQ720926 RYM720926 SII720926 SSE720926 TCA720926 TLW720926 TVS720926 UFO720926 UPK720926 UZG720926 VJC720926 VSY720926 WCU720926 WMQ720926 WWM720926 AE786462 KA786462 TW786462 ADS786462 ANO786462 AXK786462 BHG786462 BRC786462 CAY786462 CKU786462 CUQ786462 DEM786462 DOI786462 DYE786462 EIA786462 ERW786462 FBS786462 FLO786462 FVK786462 GFG786462 GPC786462 GYY786462 HIU786462 HSQ786462 ICM786462 IMI786462 IWE786462 JGA786462 JPW786462 JZS786462 KJO786462 KTK786462 LDG786462 LNC786462 LWY786462 MGU786462 MQQ786462 NAM786462 NKI786462 NUE786462 OEA786462 ONW786462 OXS786462 PHO786462 PRK786462 QBG786462 QLC786462 QUY786462 REU786462 ROQ786462 RYM786462 SII786462 SSE786462 TCA786462 TLW786462 TVS786462 UFO786462 UPK786462 UZG786462 VJC786462 VSY786462 WCU786462 WMQ786462 WWM786462 AE851998 KA851998 TW851998 ADS851998 ANO851998 AXK851998 BHG851998 BRC851998 CAY851998 CKU851998 CUQ851998 DEM851998 DOI851998 DYE851998 EIA851998 ERW851998 FBS851998 FLO851998 FVK851998 GFG851998 GPC851998 GYY851998 HIU851998 HSQ851998 ICM851998 IMI851998 IWE851998 JGA851998 JPW851998 JZS851998 KJO851998 KTK851998 LDG851998 LNC851998 LWY851998 MGU851998 MQQ851998 NAM851998 NKI851998 NUE851998 OEA851998 ONW851998 OXS851998 PHO851998 PRK851998 QBG851998 QLC851998 QUY851998 REU851998 ROQ851998 RYM851998 SII851998 SSE851998 TCA851998 TLW851998 TVS851998 UFO851998 UPK851998 UZG851998 VJC851998 VSY851998 WCU851998 WMQ851998 WWM851998 AE917534 KA917534 TW917534 ADS917534 ANO917534 AXK917534 BHG917534 BRC917534 CAY917534 CKU917534 CUQ917534 DEM917534 DOI917534 DYE917534 EIA917534 ERW917534 FBS917534 FLO917534 FVK917534 GFG917534 GPC917534 GYY917534 HIU917534 HSQ917534 ICM917534 IMI917534 IWE917534 JGA917534 JPW917534 JZS917534 KJO917534 KTK917534 LDG917534 LNC917534 LWY917534 MGU917534 MQQ917534 NAM917534 NKI917534 NUE917534 OEA917534 ONW917534 OXS917534 PHO917534 PRK917534 QBG917534 QLC917534 QUY917534 REU917534 ROQ917534 RYM917534 SII917534 SSE917534 TCA917534 TLW917534 TVS917534 UFO917534 UPK917534 UZG917534 VJC917534 VSY917534 WCU917534 WMQ917534 WWM917534 AE983070 KA983070 TW983070 ADS983070 ANO983070 AXK983070 BHG983070 BRC983070 CAY983070 CKU983070 CUQ983070 DEM983070 DOI983070 DYE983070 EIA983070 ERW983070 FBS983070 FLO983070 FVK983070 GFG983070 GPC983070 GYY983070 HIU983070 HSQ983070 ICM983070 IMI983070 IWE983070 JGA983070 JPW983070 JZS983070 KJO983070 KTK983070 LDG983070 LNC983070 LWY983070 MGU983070 MQQ983070 NAM983070 NKI983070 NUE983070 OEA983070 ONW983070 OXS983070 PHO983070 PRK983070 QBG983070 QLC983070 QUY983070 REU983070 ROQ983070 RYM983070 SII983070 SSE983070 TCA983070 TLW983070 TVS983070 UFO983070 UPK983070 UZG983070 VJC983070 VSY983070 WCU983070 WMQ983070 WWM983070 BC30:BC34 KY30:KY34 UU30:UU34 AEQ30:AEQ34 AOM30:AOM34 AYI30:AYI34 BIE30:BIE34 BSA30:BSA34 CBW30:CBW34 CLS30:CLS34 CVO30:CVO34 DFK30:DFK34 DPG30:DPG34 DZC30:DZC34 EIY30:EIY34 ESU30:ESU34 FCQ30:FCQ34 FMM30:FMM34 FWI30:FWI34 GGE30:GGE34 GQA30:GQA34 GZW30:GZW34 HJS30:HJS34 HTO30:HTO34 IDK30:IDK34 ING30:ING34 IXC30:IXC34 JGY30:JGY34 JQU30:JQU34 KAQ30:KAQ34 KKM30:KKM34 KUI30:KUI34 LEE30:LEE34 LOA30:LOA34 LXW30:LXW34 MHS30:MHS34 MRO30:MRO34 NBK30:NBK34 NLG30:NLG34 NVC30:NVC34 OEY30:OEY34 OOU30:OOU34 OYQ30:OYQ34 PIM30:PIM34 PSI30:PSI34 QCE30:QCE34 QMA30:QMA34 QVW30:QVW34 RFS30:RFS34 RPO30:RPO34 RZK30:RZK34 SJG30:SJG34 STC30:STC34 TCY30:TCY34 TMU30:TMU34 TWQ30:TWQ34 UGM30:UGM34 UQI30:UQI34 VAE30:VAE34 VKA30:VKA34 VTW30:VTW34 WDS30:WDS34 WNO30:WNO34 WXK30:WXK34 BC65566:BC65570 KY65566:KY65570 UU65566:UU65570 AEQ65566:AEQ65570 AOM65566:AOM65570 AYI65566:AYI65570 BIE65566:BIE65570 BSA65566:BSA65570 CBW65566:CBW65570 CLS65566:CLS65570 CVO65566:CVO65570 DFK65566:DFK65570 DPG65566:DPG65570 DZC65566:DZC65570 EIY65566:EIY65570 ESU65566:ESU65570 FCQ65566:FCQ65570 FMM65566:FMM65570 FWI65566:FWI65570 GGE65566:GGE65570 GQA65566:GQA65570 GZW65566:GZW65570 HJS65566:HJS65570 HTO65566:HTO65570 IDK65566:IDK65570 ING65566:ING65570 IXC65566:IXC65570 JGY65566:JGY65570 JQU65566:JQU65570 KAQ65566:KAQ65570 KKM65566:KKM65570 KUI65566:KUI65570 LEE65566:LEE65570 LOA65566:LOA65570 LXW65566:LXW65570 MHS65566:MHS65570 MRO65566:MRO65570 NBK65566:NBK65570 NLG65566:NLG65570 NVC65566:NVC65570 OEY65566:OEY65570 OOU65566:OOU65570 OYQ65566:OYQ65570 PIM65566:PIM65570 PSI65566:PSI65570 QCE65566:QCE65570 QMA65566:QMA65570 QVW65566:QVW65570 RFS65566:RFS65570 RPO65566:RPO65570 RZK65566:RZK65570 SJG65566:SJG65570 STC65566:STC65570 TCY65566:TCY65570 TMU65566:TMU65570 TWQ65566:TWQ65570 UGM65566:UGM65570 UQI65566:UQI65570 VAE65566:VAE65570 VKA65566:VKA65570 VTW65566:VTW65570 WDS65566:WDS65570 WNO65566:WNO65570 WXK65566:WXK65570 BC131102:BC131106 KY131102:KY131106 UU131102:UU131106 AEQ131102:AEQ131106 AOM131102:AOM131106 AYI131102:AYI131106 BIE131102:BIE131106 BSA131102:BSA131106 CBW131102:CBW131106 CLS131102:CLS131106 CVO131102:CVO131106 DFK131102:DFK131106 DPG131102:DPG131106 DZC131102:DZC131106 EIY131102:EIY131106 ESU131102:ESU131106 FCQ131102:FCQ131106 FMM131102:FMM131106 FWI131102:FWI131106 GGE131102:GGE131106 GQA131102:GQA131106 GZW131102:GZW131106 HJS131102:HJS131106 HTO131102:HTO131106 IDK131102:IDK131106 ING131102:ING131106 IXC131102:IXC131106 JGY131102:JGY131106 JQU131102:JQU131106 KAQ131102:KAQ131106 KKM131102:KKM131106 KUI131102:KUI131106 LEE131102:LEE131106 LOA131102:LOA131106 LXW131102:LXW131106 MHS131102:MHS131106 MRO131102:MRO131106 NBK131102:NBK131106 NLG131102:NLG131106 NVC131102:NVC131106 OEY131102:OEY131106 OOU131102:OOU131106 OYQ131102:OYQ131106 PIM131102:PIM131106 PSI131102:PSI131106 QCE131102:QCE131106 QMA131102:QMA131106 QVW131102:QVW131106 RFS131102:RFS131106 RPO131102:RPO131106 RZK131102:RZK131106 SJG131102:SJG131106 STC131102:STC131106 TCY131102:TCY131106 TMU131102:TMU131106 TWQ131102:TWQ131106 UGM131102:UGM131106 UQI131102:UQI131106 VAE131102:VAE131106 VKA131102:VKA131106 VTW131102:VTW131106 WDS131102:WDS131106 WNO131102:WNO131106 WXK131102:WXK131106 BC196638:BC196642 KY196638:KY196642 UU196638:UU196642 AEQ196638:AEQ196642 AOM196638:AOM196642 AYI196638:AYI196642 BIE196638:BIE196642 BSA196638:BSA196642 CBW196638:CBW196642 CLS196638:CLS196642 CVO196638:CVO196642 DFK196638:DFK196642 DPG196638:DPG196642 DZC196638:DZC196642 EIY196638:EIY196642 ESU196638:ESU196642 FCQ196638:FCQ196642 FMM196638:FMM196642 FWI196638:FWI196642 GGE196638:GGE196642 GQA196638:GQA196642 GZW196638:GZW196642 HJS196638:HJS196642 HTO196638:HTO196642 IDK196638:IDK196642 ING196638:ING196642 IXC196638:IXC196642 JGY196638:JGY196642 JQU196638:JQU196642 KAQ196638:KAQ196642 KKM196638:KKM196642 KUI196638:KUI196642 LEE196638:LEE196642 LOA196638:LOA196642 LXW196638:LXW196642 MHS196638:MHS196642 MRO196638:MRO196642 NBK196638:NBK196642 NLG196638:NLG196642 NVC196638:NVC196642 OEY196638:OEY196642 OOU196638:OOU196642 OYQ196638:OYQ196642 PIM196638:PIM196642 PSI196638:PSI196642 QCE196638:QCE196642 QMA196638:QMA196642 QVW196638:QVW196642 RFS196638:RFS196642 RPO196638:RPO196642 RZK196638:RZK196642 SJG196638:SJG196642 STC196638:STC196642 TCY196638:TCY196642 TMU196638:TMU196642 TWQ196638:TWQ196642 UGM196638:UGM196642 UQI196638:UQI196642 VAE196638:VAE196642 VKA196638:VKA196642 VTW196638:VTW196642 WDS196638:WDS196642 WNO196638:WNO196642 WXK196638:WXK196642 BC262174:BC262178 KY262174:KY262178 UU262174:UU262178 AEQ262174:AEQ262178 AOM262174:AOM262178 AYI262174:AYI262178 BIE262174:BIE262178 BSA262174:BSA262178 CBW262174:CBW262178 CLS262174:CLS262178 CVO262174:CVO262178 DFK262174:DFK262178 DPG262174:DPG262178 DZC262174:DZC262178 EIY262174:EIY262178 ESU262174:ESU262178 FCQ262174:FCQ262178 FMM262174:FMM262178 FWI262174:FWI262178 GGE262174:GGE262178 GQA262174:GQA262178 GZW262174:GZW262178 HJS262174:HJS262178 HTO262174:HTO262178 IDK262174:IDK262178 ING262174:ING262178 IXC262174:IXC262178 JGY262174:JGY262178 JQU262174:JQU262178 KAQ262174:KAQ262178 KKM262174:KKM262178 KUI262174:KUI262178 LEE262174:LEE262178 LOA262174:LOA262178 LXW262174:LXW262178 MHS262174:MHS262178 MRO262174:MRO262178 NBK262174:NBK262178 NLG262174:NLG262178 NVC262174:NVC262178 OEY262174:OEY262178 OOU262174:OOU262178 OYQ262174:OYQ262178 PIM262174:PIM262178 PSI262174:PSI262178 QCE262174:QCE262178 QMA262174:QMA262178 QVW262174:QVW262178 RFS262174:RFS262178 RPO262174:RPO262178 RZK262174:RZK262178 SJG262174:SJG262178 STC262174:STC262178 TCY262174:TCY262178 TMU262174:TMU262178 TWQ262174:TWQ262178 UGM262174:UGM262178 UQI262174:UQI262178 VAE262174:VAE262178 VKA262174:VKA262178 VTW262174:VTW262178 WDS262174:WDS262178 WNO262174:WNO262178 WXK262174:WXK262178 BC327710:BC327714 KY327710:KY327714 UU327710:UU327714 AEQ327710:AEQ327714 AOM327710:AOM327714 AYI327710:AYI327714 BIE327710:BIE327714 BSA327710:BSA327714 CBW327710:CBW327714 CLS327710:CLS327714 CVO327710:CVO327714 DFK327710:DFK327714 DPG327710:DPG327714 DZC327710:DZC327714 EIY327710:EIY327714 ESU327710:ESU327714 FCQ327710:FCQ327714 FMM327710:FMM327714 FWI327710:FWI327714 GGE327710:GGE327714 GQA327710:GQA327714 GZW327710:GZW327714 HJS327710:HJS327714 HTO327710:HTO327714 IDK327710:IDK327714 ING327710:ING327714 IXC327710:IXC327714 JGY327710:JGY327714 JQU327710:JQU327714 KAQ327710:KAQ327714 KKM327710:KKM327714 KUI327710:KUI327714 LEE327710:LEE327714 LOA327710:LOA327714 LXW327710:LXW327714 MHS327710:MHS327714 MRO327710:MRO327714 NBK327710:NBK327714 NLG327710:NLG327714 NVC327710:NVC327714 OEY327710:OEY327714 OOU327710:OOU327714 OYQ327710:OYQ327714 PIM327710:PIM327714 PSI327710:PSI327714 QCE327710:QCE327714 QMA327710:QMA327714 QVW327710:QVW327714 RFS327710:RFS327714 RPO327710:RPO327714 RZK327710:RZK327714 SJG327710:SJG327714 STC327710:STC327714 TCY327710:TCY327714 TMU327710:TMU327714 TWQ327710:TWQ327714 UGM327710:UGM327714 UQI327710:UQI327714 VAE327710:VAE327714 VKA327710:VKA327714 VTW327710:VTW327714 WDS327710:WDS327714 WNO327710:WNO327714 WXK327710:WXK327714 BC393246:BC393250 KY393246:KY393250 UU393246:UU393250 AEQ393246:AEQ393250 AOM393246:AOM393250 AYI393246:AYI393250 BIE393246:BIE393250 BSA393246:BSA393250 CBW393246:CBW393250 CLS393246:CLS393250 CVO393246:CVO393250 DFK393246:DFK393250 DPG393246:DPG393250 DZC393246:DZC393250 EIY393246:EIY393250 ESU393246:ESU393250 FCQ393246:FCQ393250 FMM393246:FMM393250 FWI393246:FWI393250 GGE393246:GGE393250 GQA393246:GQA393250 GZW393246:GZW393250 HJS393246:HJS393250 HTO393246:HTO393250 IDK393246:IDK393250 ING393246:ING393250 IXC393246:IXC393250 JGY393246:JGY393250 JQU393246:JQU393250 KAQ393246:KAQ393250 KKM393246:KKM393250 KUI393246:KUI393250 LEE393246:LEE393250 LOA393246:LOA393250 LXW393246:LXW393250 MHS393246:MHS393250 MRO393246:MRO393250 NBK393246:NBK393250 NLG393246:NLG393250 NVC393246:NVC393250 OEY393246:OEY393250 OOU393246:OOU393250 OYQ393246:OYQ393250 PIM393246:PIM393250 PSI393246:PSI393250 QCE393246:QCE393250 QMA393246:QMA393250 QVW393246:QVW393250 RFS393246:RFS393250 RPO393246:RPO393250 RZK393246:RZK393250 SJG393246:SJG393250 STC393246:STC393250 TCY393246:TCY393250 TMU393246:TMU393250 TWQ393246:TWQ393250 UGM393246:UGM393250 UQI393246:UQI393250 VAE393246:VAE393250 VKA393246:VKA393250 VTW393246:VTW393250 WDS393246:WDS393250 WNO393246:WNO393250 WXK393246:WXK393250 BC458782:BC458786 KY458782:KY458786 UU458782:UU458786 AEQ458782:AEQ458786 AOM458782:AOM458786 AYI458782:AYI458786 BIE458782:BIE458786 BSA458782:BSA458786 CBW458782:CBW458786 CLS458782:CLS458786 CVO458782:CVO458786 DFK458782:DFK458786 DPG458782:DPG458786 DZC458782:DZC458786 EIY458782:EIY458786 ESU458782:ESU458786 FCQ458782:FCQ458786 FMM458782:FMM458786 FWI458782:FWI458786 GGE458782:GGE458786 GQA458782:GQA458786 GZW458782:GZW458786 HJS458782:HJS458786 HTO458782:HTO458786 IDK458782:IDK458786 ING458782:ING458786 IXC458782:IXC458786 JGY458782:JGY458786 JQU458782:JQU458786 KAQ458782:KAQ458786 KKM458782:KKM458786 KUI458782:KUI458786 LEE458782:LEE458786 LOA458782:LOA458786 LXW458782:LXW458786 MHS458782:MHS458786 MRO458782:MRO458786 NBK458782:NBK458786 NLG458782:NLG458786 NVC458782:NVC458786 OEY458782:OEY458786 OOU458782:OOU458786 OYQ458782:OYQ458786 PIM458782:PIM458786 PSI458782:PSI458786 QCE458782:QCE458786 QMA458782:QMA458786 QVW458782:QVW458786 RFS458782:RFS458786 RPO458782:RPO458786 RZK458782:RZK458786 SJG458782:SJG458786 STC458782:STC458786 TCY458782:TCY458786 TMU458782:TMU458786 TWQ458782:TWQ458786 UGM458782:UGM458786 UQI458782:UQI458786 VAE458782:VAE458786 VKA458782:VKA458786 VTW458782:VTW458786 WDS458782:WDS458786 WNO458782:WNO458786 WXK458782:WXK458786 BC524318:BC524322 KY524318:KY524322 UU524318:UU524322 AEQ524318:AEQ524322 AOM524318:AOM524322 AYI524318:AYI524322 BIE524318:BIE524322 BSA524318:BSA524322 CBW524318:CBW524322 CLS524318:CLS524322 CVO524318:CVO524322 DFK524318:DFK524322 DPG524318:DPG524322 DZC524318:DZC524322 EIY524318:EIY524322 ESU524318:ESU524322 FCQ524318:FCQ524322 FMM524318:FMM524322 FWI524318:FWI524322 GGE524318:GGE524322 GQA524318:GQA524322 GZW524318:GZW524322 HJS524318:HJS524322 HTO524318:HTO524322 IDK524318:IDK524322 ING524318:ING524322 IXC524318:IXC524322 JGY524318:JGY524322 JQU524318:JQU524322 KAQ524318:KAQ524322 KKM524318:KKM524322 KUI524318:KUI524322 LEE524318:LEE524322 LOA524318:LOA524322 LXW524318:LXW524322 MHS524318:MHS524322 MRO524318:MRO524322 NBK524318:NBK524322 NLG524318:NLG524322 NVC524318:NVC524322 OEY524318:OEY524322 OOU524318:OOU524322 OYQ524318:OYQ524322 PIM524318:PIM524322 PSI524318:PSI524322 QCE524318:QCE524322 QMA524318:QMA524322 QVW524318:QVW524322 RFS524318:RFS524322 RPO524318:RPO524322 RZK524318:RZK524322 SJG524318:SJG524322 STC524318:STC524322 TCY524318:TCY524322 TMU524318:TMU524322 TWQ524318:TWQ524322 UGM524318:UGM524322 UQI524318:UQI524322 VAE524318:VAE524322 VKA524318:VKA524322 VTW524318:VTW524322 WDS524318:WDS524322 WNO524318:WNO524322 WXK524318:WXK524322 BC589854:BC589858 KY589854:KY589858 UU589854:UU589858 AEQ589854:AEQ589858 AOM589854:AOM589858 AYI589854:AYI589858 BIE589854:BIE589858 BSA589854:BSA589858 CBW589854:CBW589858 CLS589854:CLS589858 CVO589854:CVO589858 DFK589854:DFK589858 DPG589854:DPG589858 DZC589854:DZC589858 EIY589854:EIY589858 ESU589854:ESU589858 FCQ589854:FCQ589858 FMM589854:FMM589858 FWI589854:FWI589858 GGE589854:GGE589858 GQA589854:GQA589858 GZW589854:GZW589858 HJS589854:HJS589858 HTO589854:HTO589858 IDK589854:IDK589858 ING589854:ING589858 IXC589854:IXC589858 JGY589854:JGY589858 JQU589854:JQU589858 KAQ589854:KAQ589858 KKM589854:KKM589858 KUI589854:KUI589858 LEE589854:LEE589858 LOA589854:LOA589858 LXW589854:LXW589858 MHS589854:MHS589858 MRO589854:MRO589858 NBK589854:NBK589858 NLG589854:NLG589858 NVC589854:NVC589858 OEY589854:OEY589858 OOU589854:OOU589858 OYQ589854:OYQ589858 PIM589854:PIM589858 PSI589854:PSI589858 QCE589854:QCE589858 QMA589854:QMA589858 QVW589854:QVW589858 RFS589854:RFS589858 RPO589854:RPO589858 RZK589854:RZK589858 SJG589854:SJG589858 STC589854:STC589858 TCY589854:TCY589858 TMU589854:TMU589858 TWQ589854:TWQ589858 UGM589854:UGM589858 UQI589854:UQI589858 VAE589854:VAE589858 VKA589854:VKA589858 VTW589854:VTW589858 WDS589854:WDS589858 WNO589854:WNO589858 WXK589854:WXK589858 BC655390:BC655394 KY655390:KY655394 UU655390:UU655394 AEQ655390:AEQ655394 AOM655390:AOM655394 AYI655390:AYI655394 BIE655390:BIE655394 BSA655390:BSA655394 CBW655390:CBW655394 CLS655390:CLS655394 CVO655390:CVO655394 DFK655390:DFK655394 DPG655390:DPG655394 DZC655390:DZC655394 EIY655390:EIY655394 ESU655390:ESU655394 FCQ655390:FCQ655394 FMM655390:FMM655394 FWI655390:FWI655394 GGE655390:GGE655394 GQA655390:GQA655394 GZW655390:GZW655394 HJS655390:HJS655394 HTO655390:HTO655394 IDK655390:IDK655394 ING655390:ING655394 IXC655390:IXC655394 JGY655390:JGY655394 JQU655390:JQU655394 KAQ655390:KAQ655394 KKM655390:KKM655394 KUI655390:KUI655394 LEE655390:LEE655394 LOA655390:LOA655394 LXW655390:LXW655394 MHS655390:MHS655394 MRO655390:MRO655394 NBK655390:NBK655394 NLG655390:NLG655394 NVC655390:NVC655394 OEY655390:OEY655394 OOU655390:OOU655394 OYQ655390:OYQ655394 PIM655390:PIM655394 PSI655390:PSI655394 QCE655390:QCE655394 QMA655390:QMA655394 QVW655390:QVW655394 RFS655390:RFS655394 RPO655390:RPO655394 RZK655390:RZK655394 SJG655390:SJG655394 STC655390:STC655394 TCY655390:TCY655394 TMU655390:TMU655394 TWQ655390:TWQ655394 UGM655390:UGM655394 UQI655390:UQI655394 VAE655390:VAE655394 VKA655390:VKA655394 VTW655390:VTW655394 WDS655390:WDS655394 WNO655390:WNO655394 WXK655390:WXK655394 BC720926:BC720930 KY720926:KY720930 UU720926:UU720930 AEQ720926:AEQ720930 AOM720926:AOM720930 AYI720926:AYI720930 BIE720926:BIE720930 BSA720926:BSA720930 CBW720926:CBW720930 CLS720926:CLS720930 CVO720926:CVO720930 DFK720926:DFK720930 DPG720926:DPG720930 DZC720926:DZC720930 EIY720926:EIY720930 ESU720926:ESU720930 FCQ720926:FCQ720930 FMM720926:FMM720930 FWI720926:FWI720930 GGE720926:GGE720930 GQA720926:GQA720930 GZW720926:GZW720930 HJS720926:HJS720930 HTO720926:HTO720930 IDK720926:IDK720930 ING720926:ING720930 IXC720926:IXC720930 JGY720926:JGY720930 JQU720926:JQU720930 KAQ720926:KAQ720930 KKM720926:KKM720930 KUI720926:KUI720930 LEE720926:LEE720930 LOA720926:LOA720930 LXW720926:LXW720930 MHS720926:MHS720930 MRO720926:MRO720930 NBK720926:NBK720930 NLG720926:NLG720930 NVC720926:NVC720930 OEY720926:OEY720930 OOU720926:OOU720930 OYQ720926:OYQ720930 PIM720926:PIM720930 PSI720926:PSI720930 QCE720926:QCE720930 QMA720926:QMA720930 QVW720926:QVW720930 RFS720926:RFS720930 RPO720926:RPO720930 RZK720926:RZK720930 SJG720926:SJG720930 STC720926:STC720930 TCY720926:TCY720930 TMU720926:TMU720930 TWQ720926:TWQ720930 UGM720926:UGM720930 UQI720926:UQI720930 VAE720926:VAE720930 VKA720926:VKA720930 VTW720926:VTW720930 WDS720926:WDS720930 WNO720926:WNO720930 WXK720926:WXK720930 BC786462:BC786466 KY786462:KY786466 UU786462:UU786466 AEQ786462:AEQ786466 AOM786462:AOM786466 AYI786462:AYI786466 BIE786462:BIE786466 BSA786462:BSA786466 CBW786462:CBW786466 CLS786462:CLS786466 CVO786462:CVO786466 DFK786462:DFK786466 DPG786462:DPG786466 DZC786462:DZC786466 EIY786462:EIY786466 ESU786462:ESU786466 FCQ786462:FCQ786466 FMM786462:FMM786466 FWI786462:FWI786466 GGE786462:GGE786466 GQA786462:GQA786466 GZW786462:GZW786466 HJS786462:HJS786466 HTO786462:HTO786466 IDK786462:IDK786466 ING786462:ING786466 IXC786462:IXC786466 JGY786462:JGY786466 JQU786462:JQU786466 KAQ786462:KAQ786466 KKM786462:KKM786466 KUI786462:KUI786466 LEE786462:LEE786466 LOA786462:LOA786466 LXW786462:LXW786466 MHS786462:MHS786466 MRO786462:MRO786466 NBK786462:NBK786466 NLG786462:NLG786466 NVC786462:NVC786466 OEY786462:OEY786466 OOU786462:OOU786466 OYQ786462:OYQ786466 PIM786462:PIM786466 PSI786462:PSI786466 QCE786462:QCE786466 QMA786462:QMA786466 QVW786462:QVW786466 RFS786462:RFS786466 RPO786462:RPO786466 RZK786462:RZK786466 SJG786462:SJG786466 STC786462:STC786466 TCY786462:TCY786466 TMU786462:TMU786466 TWQ786462:TWQ786466 UGM786462:UGM786466 UQI786462:UQI786466 VAE786462:VAE786466 VKA786462:VKA786466 VTW786462:VTW786466 WDS786462:WDS786466 WNO786462:WNO786466 WXK786462:WXK786466 BC851998:BC852002 KY851998:KY852002 UU851998:UU852002 AEQ851998:AEQ852002 AOM851998:AOM852002 AYI851998:AYI852002 BIE851998:BIE852002 BSA851998:BSA852002 CBW851998:CBW852002 CLS851998:CLS852002 CVO851998:CVO852002 DFK851998:DFK852002 DPG851998:DPG852002 DZC851998:DZC852002 EIY851998:EIY852002 ESU851998:ESU852002 FCQ851998:FCQ852002 FMM851998:FMM852002 FWI851998:FWI852002 GGE851998:GGE852002 GQA851998:GQA852002 GZW851998:GZW852002 HJS851998:HJS852002 HTO851998:HTO852002 IDK851998:IDK852002 ING851998:ING852002 IXC851998:IXC852002 JGY851998:JGY852002 JQU851998:JQU852002 KAQ851998:KAQ852002 KKM851998:KKM852002 KUI851998:KUI852002 LEE851998:LEE852002 LOA851998:LOA852002 LXW851998:LXW852002 MHS851998:MHS852002 MRO851998:MRO852002 NBK851998:NBK852002 NLG851998:NLG852002 NVC851998:NVC852002 OEY851998:OEY852002 OOU851998:OOU852002 OYQ851998:OYQ852002 PIM851998:PIM852002 PSI851998:PSI852002 QCE851998:QCE852002 QMA851998:QMA852002 QVW851998:QVW852002 RFS851998:RFS852002 RPO851998:RPO852002 RZK851998:RZK852002 SJG851998:SJG852002 STC851998:STC852002 TCY851998:TCY852002 TMU851998:TMU852002 TWQ851998:TWQ852002 UGM851998:UGM852002 UQI851998:UQI852002 VAE851998:VAE852002 VKA851998:VKA852002 VTW851998:VTW852002 WDS851998:WDS852002 WNO851998:WNO852002 WXK851998:WXK852002 BC917534:BC917538 KY917534:KY917538 UU917534:UU917538 AEQ917534:AEQ917538 AOM917534:AOM917538 AYI917534:AYI917538 BIE917534:BIE917538 BSA917534:BSA917538 CBW917534:CBW917538 CLS917534:CLS917538 CVO917534:CVO917538 DFK917534:DFK917538 DPG917534:DPG917538 DZC917534:DZC917538 EIY917534:EIY917538 ESU917534:ESU917538 FCQ917534:FCQ917538 FMM917534:FMM917538 FWI917534:FWI917538 GGE917534:GGE917538 GQA917534:GQA917538 GZW917534:GZW917538 HJS917534:HJS917538 HTO917534:HTO917538 IDK917534:IDK917538 ING917534:ING917538 IXC917534:IXC917538 JGY917534:JGY917538 JQU917534:JQU917538 KAQ917534:KAQ917538 KKM917534:KKM917538 KUI917534:KUI917538 LEE917534:LEE917538 LOA917534:LOA917538 LXW917534:LXW917538 MHS917534:MHS917538 MRO917534:MRO917538 NBK917534:NBK917538 NLG917534:NLG917538 NVC917534:NVC917538 OEY917534:OEY917538 OOU917534:OOU917538 OYQ917534:OYQ917538 PIM917534:PIM917538 PSI917534:PSI917538 QCE917534:QCE917538 QMA917534:QMA917538 QVW917534:QVW917538 RFS917534:RFS917538 RPO917534:RPO917538 RZK917534:RZK917538 SJG917534:SJG917538 STC917534:STC917538 TCY917534:TCY917538 TMU917534:TMU917538 TWQ917534:TWQ917538 UGM917534:UGM917538 UQI917534:UQI917538 VAE917534:VAE917538 VKA917534:VKA917538 VTW917534:VTW917538 WDS917534:WDS917538 WNO917534:WNO917538 WXK917534:WXK917538 BC983070:BC983074 KY983070:KY983074 UU983070:UU983074 AEQ983070:AEQ983074 AOM983070:AOM983074 AYI983070:AYI983074 BIE983070:BIE983074 BSA983070:BSA983074 CBW983070:CBW983074 CLS983070:CLS983074 CVO983070:CVO983074 DFK983070:DFK983074 DPG983070:DPG983074 DZC983070:DZC983074 EIY983070:EIY983074 ESU983070:ESU983074 FCQ983070:FCQ983074 FMM983070:FMM983074 FWI983070:FWI983074 GGE983070:GGE983074 GQA983070:GQA983074 GZW983070:GZW983074 HJS983070:HJS983074 HTO983070:HTO983074 IDK983070:IDK983074 ING983070:ING983074 IXC983070:IXC983074 JGY983070:JGY983074 JQU983070:JQU983074 KAQ983070:KAQ983074 KKM983070:KKM983074 KUI983070:KUI983074 LEE983070:LEE983074 LOA983070:LOA983074 LXW983070:LXW983074 MHS983070:MHS983074 MRO983070:MRO983074 NBK983070:NBK983074 NLG983070:NLG983074 NVC983070:NVC983074 OEY983070:OEY983074 OOU983070:OOU983074 OYQ983070:OYQ983074 PIM983070:PIM983074 PSI983070:PSI983074 QCE983070:QCE983074 QMA983070:QMA983074 QVW983070:QVW983074 RFS983070:RFS983074 RPO983070:RPO983074 RZK983070:RZK983074 SJG983070:SJG983074 STC983070:STC983074 TCY983070:TCY983074 TMU983070:TMU983074 TWQ983070:TWQ983074 UGM983070:UGM983074 UQI983070:UQI983074 VAE983070:VAE983074 VKA983070:VKA983074 VTW983070:VTW983074 WDS983070:WDS983074 WNO983070:WNO983074 WXK983070:WXK983074 AQ30 KM30 UI30 AEE30 AOA30 AXW30 BHS30 BRO30 CBK30 CLG30 CVC30 DEY30 DOU30 DYQ30 EIM30 ESI30 FCE30 FMA30 FVW30 GFS30 GPO30 GZK30 HJG30 HTC30 ICY30 IMU30 IWQ30 JGM30 JQI30 KAE30 KKA30 KTW30 LDS30 LNO30 LXK30 MHG30 MRC30 NAY30 NKU30 NUQ30 OEM30 OOI30 OYE30 PIA30 PRW30 QBS30 QLO30 QVK30 RFG30 RPC30 RYY30 SIU30 SSQ30 TCM30 TMI30 TWE30 UGA30 UPW30 UZS30 VJO30 VTK30 WDG30 WNC30 WWY30 AQ65566 KM65566 UI65566 AEE65566 AOA65566 AXW65566 BHS65566 BRO65566 CBK65566 CLG65566 CVC65566 DEY65566 DOU65566 DYQ65566 EIM65566 ESI65566 FCE65566 FMA65566 FVW65566 GFS65566 GPO65566 GZK65566 HJG65566 HTC65566 ICY65566 IMU65566 IWQ65566 JGM65566 JQI65566 KAE65566 KKA65566 KTW65566 LDS65566 LNO65566 LXK65566 MHG65566 MRC65566 NAY65566 NKU65566 NUQ65566 OEM65566 OOI65566 OYE65566 PIA65566 PRW65566 QBS65566 QLO65566 QVK65566 RFG65566 RPC65566 RYY65566 SIU65566 SSQ65566 TCM65566 TMI65566 TWE65566 UGA65566 UPW65566 UZS65566 VJO65566 VTK65566 WDG65566 WNC65566 WWY65566 AQ131102 KM131102 UI131102 AEE131102 AOA131102 AXW131102 BHS131102 BRO131102 CBK131102 CLG131102 CVC131102 DEY131102 DOU131102 DYQ131102 EIM131102 ESI131102 FCE131102 FMA131102 FVW131102 GFS131102 GPO131102 GZK131102 HJG131102 HTC131102 ICY131102 IMU131102 IWQ131102 JGM131102 JQI131102 KAE131102 KKA131102 KTW131102 LDS131102 LNO131102 LXK131102 MHG131102 MRC131102 NAY131102 NKU131102 NUQ131102 OEM131102 OOI131102 OYE131102 PIA131102 PRW131102 QBS131102 QLO131102 QVK131102 RFG131102 RPC131102 RYY131102 SIU131102 SSQ131102 TCM131102 TMI131102 TWE131102 UGA131102 UPW131102 UZS131102 VJO131102 VTK131102 WDG131102 WNC131102 WWY131102 AQ196638 KM196638 UI196638 AEE196638 AOA196638 AXW196638 BHS196638 BRO196638 CBK196638 CLG196638 CVC196638 DEY196638 DOU196638 DYQ196638 EIM196638 ESI196638 FCE196638 FMA196638 FVW196638 GFS196638 GPO196638 GZK196638 HJG196638 HTC196638 ICY196638 IMU196638 IWQ196638 JGM196638 JQI196638 KAE196638 KKA196638 KTW196638 LDS196638 LNO196638 LXK196638 MHG196638 MRC196638 NAY196638 NKU196638 NUQ196638 OEM196638 OOI196638 OYE196638 PIA196638 PRW196638 QBS196638 QLO196638 QVK196638 RFG196638 RPC196638 RYY196638 SIU196638 SSQ196638 TCM196638 TMI196638 TWE196638 UGA196638 UPW196638 UZS196638 VJO196638 VTK196638 WDG196638 WNC196638 WWY196638 AQ262174 KM262174 UI262174 AEE262174 AOA262174 AXW262174 BHS262174 BRO262174 CBK262174 CLG262174 CVC262174 DEY262174 DOU262174 DYQ262174 EIM262174 ESI262174 FCE262174 FMA262174 FVW262174 GFS262174 GPO262174 GZK262174 HJG262174 HTC262174 ICY262174 IMU262174 IWQ262174 JGM262174 JQI262174 KAE262174 KKA262174 KTW262174 LDS262174 LNO262174 LXK262174 MHG262174 MRC262174 NAY262174 NKU262174 NUQ262174 OEM262174 OOI262174 OYE262174 PIA262174 PRW262174 QBS262174 QLO262174 QVK262174 RFG262174 RPC262174 RYY262174 SIU262174 SSQ262174 TCM262174 TMI262174 TWE262174 UGA262174 UPW262174 UZS262174 VJO262174 VTK262174 WDG262174 WNC262174 WWY262174 AQ327710 KM327710 UI327710 AEE327710 AOA327710 AXW327710 BHS327710 BRO327710 CBK327710 CLG327710 CVC327710 DEY327710 DOU327710 DYQ327710 EIM327710 ESI327710 FCE327710 FMA327710 FVW327710 GFS327710 GPO327710 GZK327710 HJG327710 HTC327710 ICY327710 IMU327710 IWQ327710 JGM327710 JQI327710 KAE327710 KKA327710 KTW327710 LDS327710 LNO327710 LXK327710 MHG327710 MRC327710 NAY327710 NKU327710 NUQ327710 OEM327710 OOI327710 OYE327710 PIA327710 PRW327710 QBS327710 QLO327710 QVK327710 RFG327710 RPC327710 RYY327710 SIU327710 SSQ327710 TCM327710 TMI327710 TWE327710 UGA327710 UPW327710 UZS327710 VJO327710 VTK327710 WDG327710 WNC327710 WWY327710 AQ393246 KM393246 UI393246 AEE393246 AOA393246 AXW393246 BHS393246 BRO393246 CBK393246 CLG393246 CVC393246 DEY393246 DOU393246 DYQ393246 EIM393246 ESI393246 FCE393246 FMA393246 FVW393246 GFS393246 GPO393246 GZK393246 HJG393246 HTC393246 ICY393246 IMU393246 IWQ393246 JGM393246 JQI393246 KAE393246 KKA393246 KTW393246 LDS393246 LNO393246 LXK393246 MHG393246 MRC393246 NAY393246 NKU393246 NUQ393246 OEM393246 OOI393246 OYE393246 PIA393246 PRW393246 QBS393246 QLO393246 QVK393246 RFG393246 RPC393246 RYY393246 SIU393246 SSQ393246 TCM393246 TMI393246 TWE393246 UGA393246 UPW393246 UZS393246 VJO393246 VTK393246 WDG393246 WNC393246 WWY393246 AQ458782 KM458782 UI458782 AEE458782 AOA458782 AXW458782 BHS458782 BRO458782 CBK458782 CLG458782 CVC458782 DEY458782 DOU458782 DYQ458782 EIM458782 ESI458782 FCE458782 FMA458782 FVW458782 GFS458782 GPO458782 GZK458782 HJG458782 HTC458782 ICY458782 IMU458782 IWQ458782 JGM458782 JQI458782 KAE458782 KKA458782 KTW458782 LDS458782 LNO458782 LXK458782 MHG458782 MRC458782 NAY458782 NKU458782 NUQ458782 OEM458782 OOI458782 OYE458782 PIA458782 PRW458782 QBS458782 QLO458782 QVK458782 RFG458782 RPC458782 RYY458782 SIU458782 SSQ458782 TCM458782 TMI458782 TWE458782 UGA458782 UPW458782 UZS458782 VJO458782 VTK458782 WDG458782 WNC458782 WWY458782 AQ524318 KM524318 UI524318 AEE524318 AOA524318 AXW524318 BHS524318 BRO524318 CBK524318 CLG524318 CVC524318 DEY524318 DOU524318 DYQ524318 EIM524318 ESI524318 FCE524318 FMA524318 FVW524318 GFS524318 GPO524318 GZK524318 HJG524318 HTC524318 ICY524318 IMU524318 IWQ524318 JGM524318 JQI524318 KAE524318 KKA524318 KTW524318 LDS524318 LNO524318 LXK524318 MHG524318 MRC524318 NAY524318 NKU524318 NUQ524318 OEM524318 OOI524318 OYE524318 PIA524318 PRW524318 QBS524318 QLO524318 QVK524318 RFG524318 RPC524318 RYY524318 SIU524318 SSQ524318 TCM524318 TMI524318 TWE524318 UGA524318 UPW524318 UZS524318 VJO524318 VTK524318 WDG524318 WNC524318 WWY524318 AQ589854 KM589854 UI589854 AEE589854 AOA589854 AXW589854 BHS589854 BRO589854 CBK589854 CLG589854 CVC589854 DEY589854 DOU589854 DYQ589854 EIM589854 ESI589854 FCE589854 FMA589854 FVW589854 GFS589854 GPO589854 GZK589854 HJG589854 HTC589854 ICY589854 IMU589854 IWQ589854 JGM589854 JQI589854 KAE589854 KKA589854 KTW589854 LDS589854 LNO589854 LXK589854 MHG589854 MRC589854 NAY589854 NKU589854 NUQ589854 OEM589854 OOI589854 OYE589854 PIA589854 PRW589854 QBS589854 QLO589854 QVK589854 RFG589854 RPC589854 RYY589854 SIU589854 SSQ589854 TCM589854 TMI589854 TWE589854 UGA589854 UPW589854 UZS589854 VJO589854 VTK589854 WDG589854 WNC589854 WWY589854 AQ655390 KM655390 UI655390 AEE655390 AOA655390 AXW655390 BHS655390 BRO655390 CBK655390 CLG655390 CVC655390 DEY655390 DOU655390 DYQ655390 EIM655390 ESI655390 FCE655390 FMA655390 FVW655390 GFS655390 GPO655390 GZK655390 HJG655390 HTC655390 ICY655390 IMU655390 IWQ655390 JGM655390 JQI655390 KAE655390 KKA655390 KTW655390 LDS655390 LNO655390 LXK655390 MHG655390 MRC655390 NAY655390 NKU655390 NUQ655390 OEM655390 OOI655390 OYE655390 PIA655390 PRW655390 QBS655390 QLO655390 QVK655390 RFG655390 RPC655390 RYY655390 SIU655390 SSQ655390 TCM655390 TMI655390 TWE655390 UGA655390 UPW655390 UZS655390 VJO655390 VTK655390 WDG655390 WNC655390 WWY655390 AQ720926 KM720926 UI720926 AEE720926 AOA720926 AXW720926 BHS720926 BRO720926 CBK720926 CLG720926 CVC720926 DEY720926 DOU720926 DYQ720926 EIM720926 ESI720926 FCE720926 FMA720926 FVW720926 GFS720926 GPO720926 GZK720926 HJG720926 HTC720926 ICY720926 IMU720926 IWQ720926 JGM720926 JQI720926 KAE720926 KKA720926 KTW720926 LDS720926 LNO720926 LXK720926 MHG720926 MRC720926 NAY720926 NKU720926 NUQ720926 OEM720926 OOI720926 OYE720926 PIA720926 PRW720926 QBS720926 QLO720926 QVK720926 RFG720926 RPC720926 RYY720926 SIU720926 SSQ720926 TCM720926 TMI720926 TWE720926 UGA720926 UPW720926 UZS720926 VJO720926 VTK720926 WDG720926 WNC720926 WWY720926 AQ786462 KM786462 UI786462 AEE786462 AOA786462 AXW786462 BHS786462 BRO786462 CBK786462 CLG786462 CVC786462 DEY786462 DOU786462 DYQ786462 EIM786462 ESI786462 FCE786462 FMA786462 FVW786462 GFS786462 GPO786462 GZK786462 HJG786462 HTC786462 ICY786462 IMU786462 IWQ786462 JGM786462 JQI786462 KAE786462 KKA786462 KTW786462 LDS786462 LNO786462 LXK786462 MHG786462 MRC786462 NAY786462 NKU786462 NUQ786462 OEM786462 OOI786462 OYE786462 PIA786462 PRW786462 QBS786462 QLO786462 QVK786462 RFG786462 RPC786462 RYY786462 SIU786462 SSQ786462 TCM786462 TMI786462 TWE786462 UGA786462 UPW786462 UZS786462 VJO786462 VTK786462 WDG786462 WNC786462 WWY786462 AQ851998 KM851998 UI851998 AEE851998 AOA851998 AXW851998 BHS851998 BRO851998 CBK851998 CLG851998 CVC851998 DEY851998 DOU851998 DYQ851998 EIM851998 ESI851998 FCE851998 FMA851998 FVW851998 GFS851998 GPO851998 GZK851998 HJG851998 HTC851998 ICY851998 IMU851998 IWQ851998 JGM851998 JQI851998 KAE851998 KKA851998 KTW851998 LDS851998 LNO851998 LXK851998 MHG851998 MRC851998 NAY851998 NKU851998 NUQ851998 OEM851998 OOI851998 OYE851998 PIA851998 PRW851998 QBS851998 QLO851998 QVK851998 RFG851998 RPC851998 RYY851998 SIU851998 SSQ851998 TCM851998 TMI851998 TWE851998 UGA851998 UPW851998 UZS851998 VJO851998 VTK851998 WDG851998 WNC851998 WWY851998 AQ917534 KM917534 UI917534 AEE917534 AOA917534 AXW917534 BHS917534 BRO917534 CBK917534 CLG917534 CVC917534 DEY917534 DOU917534 DYQ917534 EIM917534 ESI917534 FCE917534 FMA917534 FVW917534 GFS917534 GPO917534 GZK917534 HJG917534 HTC917534 ICY917534 IMU917534 IWQ917534 JGM917534 JQI917534 KAE917534 KKA917534 KTW917534 LDS917534 LNO917534 LXK917534 MHG917534 MRC917534 NAY917534 NKU917534 NUQ917534 OEM917534 OOI917534 OYE917534 PIA917534 PRW917534 QBS917534 QLO917534 QVK917534 RFG917534 RPC917534 RYY917534 SIU917534 SSQ917534 TCM917534 TMI917534 TWE917534 UGA917534 UPW917534 UZS917534 VJO917534 VTK917534 WDG917534 WNC917534 WWY917534 AQ983070 KM983070 UI983070 AEE983070 AOA983070 AXW983070 BHS983070 BRO983070 CBK983070 CLG983070 CVC983070 DEY983070 DOU983070 DYQ983070 EIM983070 ESI983070 FCE983070 FMA983070 FVW983070 GFS983070 GPO983070 GZK983070 HJG983070 HTC983070 ICY983070 IMU983070 IWQ983070 JGM983070 JQI983070 KAE983070 KKA983070 KTW983070 LDS983070 LNO983070 LXK983070 MHG983070 MRC983070 NAY983070 NKU983070 NUQ983070 OEM983070 OOI983070 OYE983070 PIA983070 PRW983070 QBS983070 QLO983070 QVK983070 RFG983070 RPC983070 RYY983070 SIU983070 SSQ983070 TCM983070 TMI983070 TWE983070 UGA983070 UPW983070 UZS983070 VJO983070 VTK983070 WDG983070 WNC983070 WWY983070" xr:uid="{1C874F7E-5D4A-4A07-965E-E03788B2034E}">
      <formula1>"○,"</formula1>
    </dataValidation>
    <dataValidation type="list" allowBlank="1" showInputMessage="1" showErrorMessage="1" sqref="EV39:FM62" xr:uid="{8F599D24-1828-423D-A976-76E6ADEF8B0D}">
      <formula1>"10％,8％,非課税"</formula1>
    </dataValidation>
    <dataValidation type="list" allowBlank="1" showInputMessage="1" showErrorMessage="1" sqref="FK5:FM8" xr:uid="{B61C33F6-1599-4E8C-8707-AB5002E15BE0}">
      <formula1>"✓"</formula1>
    </dataValidation>
  </dataValidations>
  <pageMargins left="0.7" right="0.7" top="0.75" bottom="0.75" header="0.3" footer="0.3"/>
  <pageSetup paperSize="9" scale="78"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最終</vt:lpstr>
      <vt:lpstr>記載例</vt:lpstr>
      <vt:lpstr>最終!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岸本 亮平</dc:creator>
  <cp:lastModifiedBy>星山裕也</cp:lastModifiedBy>
  <cp:lastPrinted>2023-09-12T00:52:35Z</cp:lastPrinted>
  <dcterms:created xsi:type="dcterms:W3CDTF">2015-06-05T18:19:34Z</dcterms:created>
  <dcterms:modified xsi:type="dcterms:W3CDTF">2024-02-28T06:24:12Z</dcterms:modified>
</cp:coreProperties>
</file>